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3"/>
  </p:sldMasterIdLst>
  <p:notesMasterIdLst>
    <p:notesMasterId r:id="rId21"/>
  </p:notesMasterIdLst>
  <p:handoutMasterIdLst>
    <p:handoutMasterId r:id="rId22"/>
  </p:handoutMasterIdLst>
  <p:sldIdLst>
    <p:sldId id="280" r:id="rId14"/>
    <p:sldId id="283" r:id="rId15"/>
    <p:sldId id="284" r:id="rId16"/>
    <p:sldId id="285" r:id="rId17"/>
    <p:sldId id="281" r:id="rId18"/>
    <p:sldId id="286" r:id="rId19"/>
    <p:sldId id="287" r:id="rId20"/>
  </p:sldIdLst>
  <p:sldSz cx="12192000" cy="6858000"/>
  <p:notesSz cx="6858000" cy="9144000"/>
  <p:embeddedFontLst>
    <p:embeddedFont>
      <p:font typeface="Assistant" pitchFamily="2" charset="-79"/>
      <p:regular r:id="rId23"/>
      <p:bold r:id="rId24"/>
    </p:embeddedFont>
    <p:embeddedFont>
      <p:font typeface="Montserrat ExtraBold" panose="00000900000000000000" pitchFamily="2" charset="0"/>
      <p:bold r:id="rId25"/>
      <p:boldItalic r:id="rId26"/>
    </p:embeddedFont>
    <p:embeddedFont>
      <p:font typeface="Montserrat SemiBold" panose="00000700000000000000" pitchFamily="2" charset="0"/>
      <p:bold r:id="rId27"/>
      <p:boldItalic r:id="rId28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89247" autoAdjust="0"/>
  </p:normalViewPr>
  <p:slideViewPr>
    <p:cSldViewPr snapToGrid="0" showGuides="1">
      <p:cViewPr varScale="1">
        <p:scale>
          <a:sx n="58" d="100"/>
          <a:sy n="58" d="100"/>
        </p:scale>
        <p:origin x="924" y="7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898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font" Target="fonts/font4.fntdata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font" Target="fonts/font3.fntdata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2.fntdata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font" Target="fonts/font1.fntdata"/><Relationship Id="rId28" Type="http://schemas.openxmlformats.org/officeDocument/2006/relationships/font" Target="fonts/font6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handoutMaster" Target="handoutMasters/handoutMaster1.xml"/><Relationship Id="rId27" Type="http://schemas.openxmlformats.org/officeDocument/2006/relationships/font" Target="fonts/font5.fntdata"/><Relationship Id="rId30" Type="http://schemas.openxmlformats.org/officeDocument/2006/relationships/viewProps" Target="view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69578303-CE7E-43C2-9E5B-EEDB6E9B04B1}" type="doc">
      <dgm:prSet loTypeId="urn:microsoft.com/office/officeart/2005/8/layout/arrow2" loCatId="process" qsTypeId="urn:microsoft.com/office/officeart/2005/8/quickstyle/simple1" qsCatId="simple" csTypeId="urn:microsoft.com/office/officeart/2005/8/colors/accent1_2" csCatId="accent1" phldr="1"/>
      <dgm:spPr/>
    </dgm:pt>
    <dgm:pt modelId="{75F53DAE-24DA-4917-B6E8-250EF6C50823}">
      <dgm:prSet phldrT="[Tekst]"/>
      <dgm:spPr/>
      <dgm:t>
        <a:bodyPr/>
        <a:lstStyle/>
        <a:p>
          <a:r>
            <a:rPr lang="da-DK" dirty="0"/>
            <a:t>2. kvartal 2023 Handicapråd drøfter og prioriterer vigtigste kryds, evt. kendte problemstillinger og prioritering af kryds med </a:t>
          </a:r>
          <a:r>
            <a:rPr lang="da-DK" dirty="0" err="1"/>
            <a:t>lydgivere</a:t>
          </a:r>
          <a:endParaRPr lang="da-DK" dirty="0"/>
        </a:p>
      </dgm:t>
    </dgm:pt>
    <dgm:pt modelId="{875FB467-24E2-47C9-8B75-7FCCC275B9FC}" type="parTrans" cxnId="{47ADC57F-A18C-49D0-9CB6-AA7B8DEB8487}">
      <dgm:prSet/>
      <dgm:spPr/>
      <dgm:t>
        <a:bodyPr/>
        <a:lstStyle/>
        <a:p>
          <a:endParaRPr lang="da-DK"/>
        </a:p>
      </dgm:t>
    </dgm:pt>
    <dgm:pt modelId="{7ACBF18B-7952-4714-9F07-9DBE3D4F4029}" type="sibTrans" cxnId="{47ADC57F-A18C-49D0-9CB6-AA7B8DEB8487}">
      <dgm:prSet/>
      <dgm:spPr/>
      <dgm:t>
        <a:bodyPr/>
        <a:lstStyle/>
        <a:p>
          <a:endParaRPr lang="da-DK"/>
        </a:p>
      </dgm:t>
    </dgm:pt>
    <dgm:pt modelId="{F2777D35-6D61-44A2-8356-F1D31CEEEDA3}">
      <dgm:prSet phldrT="[Tekst]"/>
      <dgm:spPr/>
      <dgm:t>
        <a:bodyPr/>
        <a:lstStyle/>
        <a:p>
          <a:r>
            <a:rPr lang="da-DK" dirty="0"/>
            <a:t>2. og 3. kvartal 2023</a:t>
          </a:r>
        </a:p>
        <a:p>
          <a:r>
            <a:rPr lang="da-DK" dirty="0"/>
            <a:t>Der gennemføres revision i op til 3 kryds</a:t>
          </a:r>
        </a:p>
      </dgm:t>
    </dgm:pt>
    <dgm:pt modelId="{D8136E32-847F-47D5-8DE2-EA6542D06093}" type="parTrans" cxnId="{4B36A2A6-BE2A-43FE-A280-BDC0237E5F43}">
      <dgm:prSet/>
      <dgm:spPr/>
      <dgm:t>
        <a:bodyPr/>
        <a:lstStyle/>
        <a:p>
          <a:endParaRPr lang="da-DK"/>
        </a:p>
      </dgm:t>
    </dgm:pt>
    <dgm:pt modelId="{7564B9AE-F0B1-4DA5-8900-91C6055A13DB}" type="sibTrans" cxnId="{4B36A2A6-BE2A-43FE-A280-BDC0237E5F43}">
      <dgm:prSet/>
      <dgm:spPr/>
      <dgm:t>
        <a:bodyPr/>
        <a:lstStyle/>
        <a:p>
          <a:endParaRPr lang="da-DK"/>
        </a:p>
      </dgm:t>
    </dgm:pt>
    <dgm:pt modelId="{4BC51116-F0D8-4AD3-A08E-289CF3685E9A}">
      <dgm:prSet phldrT="[Tekst]"/>
      <dgm:spPr/>
      <dgm:t>
        <a:bodyPr/>
        <a:lstStyle/>
        <a:p>
          <a:r>
            <a:rPr lang="da-DK" dirty="0"/>
            <a:t>4. kvartal 2023</a:t>
          </a:r>
        </a:p>
        <a:p>
          <a:r>
            <a:rPr lang="da-DK" dirty="0"/>
            <a:t>Evt. forbedring i et kryds</a:t>
          </a:r>
        </a:p>
      </dgm:t>
    </dgm:pt>
    <dgm:pt modelId="{999F4B25-44E8-4FC2-80CB-A6EBD8CFEB78}" type="parTrans" cxnId="{43F32745-DC46-4B2C-A41E-EF89F27F9556}">
      <dgm:prSet/>
      <dgm:spPr/>
      <dgm:t>
        <a:bodyPr/>
        <a:lstStyle/>
        <a:p>
          <a:endParaRPr lang="da-DK"/>
        </a:p>
      </dgm:t>
    </dgm:pt>
    <dgm:pt modelId="{E719F980-EF04-48DE-888B-390E733A3D16}" type="sibTrans" cxnId="{43F32745-DC46-4B2C-A41E-EF89F27F9556}">
      <dgm:prSet/>
      <dgm:spPr/>
      <dgm:t>
        <a:bodyPr/>
        <a:lstStyle/>
        <a:p>
          <a:endParaRPr lang="da-DK"/>
        </a:p>
      </dgm:t>
    </dgm:pt>
    <dgm:pt modelId="{DE964D85-C6E0-4F2B-9C32-E5C2EE1ED095}" type="pres">
      <dgm:prSet presAssocID="{69578303-CE7E-43C2-9E5B-EEDB6E9B04B1}" presName="arrowDiagram" presStyleCnt="0">
        <dgm:presLayoutVars>
          <dgm:chMax val="5"/>
          <dgm:dir/>
          <dgm:resizeHandles val="exact"/>
        </dgm:presLayoutVars>
      </dgm:prSet>
      <dgm:spPr/>
    </dgm:pt>
    <dgm:pt modelId="{3D4F3A3E-CAA0-4BE2-B22C-997BBC75E6B3}" type="pres">
      <dgm:prSet presAssocID="{69578303-CE7E-43C2-9E5B-EEDB6E9B04B1}" presName="arrow" presStyleLbl="bgShp" presStyleIdx="0" presStyleCnt="1"/>
      <dgm:spPr/>
    </dgm:pt>
    <dgm:pt modelId="{1943A653-C2F1-45CD-8C8D-45C7094B2144}" type="pres">
      <dgm:prSet presAssocID="{69578303-CE7E-43C2-9E5B-EEDB6E9B04B1}" presName="arrowDiagram3" presStyleCnt="0"/>
      <dgm:spPr/>
    </dgm:pt>
    <dgm:pt modelId="{ADBF6173-E15F-4531-86FE-ECA0291291AE}" type="pres">
      <dgm:prSet presAssocID="{75F53DAE-24DA-4917-B6E8-250EF6C50823}" presName="bullet3a" presStyleLbl="node1" presStyleIdx="0" presStyleCnt="3"/>
      <dgm:spPr/>
    </dgm:pt>
    <dgm:pt modelId="{364081B1-CC75-4C63-A9DF-920CB8D62483}" type="pres">
      <dgm:prSet presAssocID="{75F53DAE-24DA-4917-B6E8-250EF6C50823}" presName="textBox3a" presStyleLbl="revTx" presStyleIdx="0" presStyleCnt="3">
        <dgm:presLayoutVars>
          <dgm:bulletEnabled val="1"/>
        </dgm:presLayoutVars>
      </dgm:prSet>
      <dgm:spPr/>
    </dgm:pt>
    <dgm:pt modelId="{06949F05-2D26-4CB0-BBA8-6AD0B28C05CE}" type="pres">
      <dgm:prSet presAssocID="{F2777D35-6D61-44A2-8356-F1D31CEEEDA3}" presName="bullet3b" presStyleLbl="node1" presStyleIdx="1" presStyleCnt="3"/>
      <dgm:spPr/>
    </dgm:pt>
    <dgm:pt modelId="{AA4FB8BC-8473-49C9-AF41-48CA644440BE}" type="pres">
      <dgm:prSet presAssocID="{F2777D35-6D61-44A2-8356-F1D31CEEEDA3}" presName="textBox3b" presStyleLbl="revTx" presStyleIdx="1" presStyleCnt="3">
        <dgm:presLayoutVars>
          <dgm:bulletEnabled val="1"/>
        </dgm:presLayoutVars>
      </dgm:prSet>
      <dgm:spPr/>
    </dgm:pt>
    <dgm:pt modelId="{F7DA9B64-1C61-4D21-9360-404ACFDDA12B}" type="pres">
      <dgm:prSet presAssocID="{4BC51116-F0D8-4AD3-A08E-289CF3685E9A}" presName="bullet3c" presStyleLbl="node1" presStyleIdx="2" presStyleCnt="3"/>
      <dgm:spPr/>
    </dgm:pt>
    <dgm:pt modelId="{175E3A1E-600A-4E0B-9601-EB410D55AFA9}" type="pres">
      <dgm:prSet presAssocID="{4BC51116-F0D8-4AD3-A08E-289CF3685E9A}" presName="textBox3c" presStyleLbl="revTx" presStyleIdx="2" presStyleCnt="3">
        <dgm:presLayoutVars>
          <dgm:bulletEnabled val="1"/>
        </dgm:presLayoutVars>
      </dgm:prSet>
      <dgm:spPr/>
    </dgm:pt>
  </dgm:ptLst>
  <dgm:cxnLst>
    <dgm:cxn modelId="{E0A8460F-9DFE-4862-AEE2-49092AAD532E}" type="presOf" srcId="{69578303-CE7E-43C2-9E5B-EEDB6E9B04B1}" destId="{DE964D85-C6E0-4F2B-9C32-E5C2EE1ED095}" srcOrd="0" destOrd="0" presId="urn:microsoft.com/office/officeart/2005/8/layout/arrow2"/>
    <dgm:cxn modelId="{BDCBEC62-5724-45B3-8C65-E6D202AB7322}" type="presOf" srcId="{F2777D35-6D61-44A2-8356-F1D31CEEEDA3}" destId="{AA4FB8BC-8473-49C9-AF41-48CA644440BE}" srcOrd="0" destOrd="0" presId="urn:microsoft.com/office/officeart/2005/8/layout/arrow2"/>
    <dgm:cxn modelId="{43F32745-DC46-4B2C-A41E-EF89F27F9556}" srcId="{69578303-CE7E-43C2-9E5B-EEDB6E9B04B1}" destId="{4BC51116-F0D8-4AD3-A08E-289CF3685E9A}" srcOrd="2" destOrd="0" parTransId="{999F4B25-44E8-4FC2-80CB-A6EBD8CFEB78}" sibTransId="{E719F980-EF04-48DE-888B-390E733A3D16}"/>
    <dgm:cxn modelId="{DCCF4F7F-F598-4AEF-BA25-595B8AC40F5D}" type="presOf" srcId="{4BC51116-F0D8-4AD3-A08E-289CF3685E9A}" destId="{175E3A1E-600A-4E0B-9601-EB410D55AFA9}" srcOrd="0" destOrd="0" presId="urn:microsoft.com/office/officeart/2005/8/layout/arrow2"/>
    <dgm:cxn modelId="{47ADC57F-A18C-49D0-9CB6-AA7B8DEB8487}" srcId="{69578303-CE7E-43C2-9E5B-EEDB6E9B04B1}" destId="{75F53DAE-24DA-4917-B6E8-250EF6C50823}" srcOrd="0" destOrd="0" parTransId="{875FB467-24E2-47C9-8B75-7FCCC275B9FC}" sibTransId="{7ACBF18B-7952-4714-9F07-9DBE3D4F4029}"/>
    <dgm:cxn modelId="{4B36A2A6-BE2A-43FE-A280-BDC0237E5F43}" srcId="{69578303-CE7E-43C2-9E5B-EEDB6E9B04B1}" destId="{F2777D35-6D61-44A2-8356-F1D31CEEEDA3}" srcOrd="1" destOrd="0" parTransId="{D8136E32-847F-47D5-8DE2-EA6542D06093}" sibTransId="{7564B9AE-F0B1-4DA5-8900-91C6055A13DB}"/>
    <dgm:cxn modelId="{790D94CB-92B1-46BD-9F72-EFFE436B2F5A}" type="presOf" srcId="{75F53DAE-24DA-4917-B6E8-250EF6C50823}" destId="{364081B1-CC75-4C63-A9DF-920CB8D62483}" srcOrd="0" destOrd="0" presId="urn:microsoft.com/office/officeart/2005/8/layout/arrow2"/>
    <dgm:cxn modelId="{04707292-3A50-4724-A88A-5CB1E6267AD5}" type="presParOf" srcId="{DE964D85-C6E0-4F2B-9C32-E5C2EE1ED095}" destId="{3D4F3A3E-CAA0-4BE2-B22C-997BBC75E6B3}" srcOrd="0" destOrd="0" presId="urn:microsoft.com/office/officeart/2005/8/layout/arrow2"/>
    <dgm:cxn modelId="{B400939B-FE51-4B2A-A244-5C81E84DE99C}" type="presParOf" srcId="{DE964D85-C6E0-4F2B-9C32-E5C2EE1ED095}" destId="{1943A653-C2F1-45CD-8C8D-45C7094B2144}" srcOrd="1" destOrd="0" presId="urn:microsoft.com/office/officeart/2005/8/layout/arrow2"/>
    <dgm:cxn modelId="{06538E0A-0AB7-4CF9-9B7B-8E9D70A50463}" type="presParOf" srcId="{1943A653-C2F1-45CD-8C8D-45C7094B2144}" destId="{ADBF6173-E15F-4531-86FE-ECA0291291AE}" srcOrd="0" destOrd="0" presId="urn:microsoft.com/office/officeart/2005/8/layout/arrow2"/>
    <dgm:cxn modelId="{BDAA6AE3-02FC-4AFB-A417-286D9B0ADB8D}" type="presParOf" srcId="{1943A653-C2F1-45CD-8C8D-45C7094B2144}" destId="{364081B1-CC75-4C63-A9DF-920CB8D62483}" srcOrd="1" destOrd="0" presId="urn:microsoft.com/office/officeart/2005/8/layout/arrow2"/>
    <dgm:cxn modelId="{BB4D790C-4E20-427B-93B2-9816354F5E1C}" type="presParOf" srcId="{1943A653-C2F1-45CD-8C8D-45C7094B2144}" destId="{06949F05-2D26-4CB0-BBA8-6AD0B28C05CE}" srcOrd="2" destOrd="0" presId="urn:microsoft.com/office/officeart/2005/8/layout/arrow2"/>
    <dgm:cxn modelId="{F1568FBB-173C-47A9-B96B-BD4A4B58F678}" type="presParOf" srcId="{1943A653-C2F1-45CD-8C8D-45C7094B2144}" destId="{AA4FB8BC-8473-49C9-AF41-48CA644440BE}" srcOrd="3" destOrd="0" presId="urn:microsoft.com/office/officeart/2005/8/layout/arrow2"/>
    <dgm:cxn modelId="{9E55141B-13E9-4A41-851F-3506BE6C6AD6}" type="presParOf" srcId="{1943A653-C2F1-45CD-8C8D-45C7094B2144}" destId="{F7DA9B64-1C61-4D21-9360-404ACFDDA12B}" srcOrd="4" destOrd="0" presId="urn:microsoft.com/office/officeart/2005/8/layout/arrow2"/>
    <dgm:cxn modelId="{2D1E3D18-47E5-40C4-B7AE-E8E4B0B4061B}" type="presParOf" srcId="{1943A653-C2F1-45CD-8C8D-45C7094B2144}" destId="{175E3A1E-600A-4E0B-9601-EB410D55AFA9}" srcOrd="5" destOrd="0" presId="urn:microsoft.com/office/officeart/2005/8/layout/arrow2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3D4F3A3E-CAA0-4BE2-B22C-997BBC75E6B3}">
      <dsp:nvSpPr>
        <dsp:cNvPr id="0" name=""/>
        <dsp:cNvSpPr/>
      </dsp:nvSpPr>
      <dsp:spPr>
        <a:xfrm>
          <a:off x="566420" y="0"/>
          <a:ext cx="8900158" cy="5562598"/>
        </a:xfrm>
        <a:prstGeom prst="swooshArrow">
          <a:avLst>
            <a:gd name="adj1" fmla="val 25000"/>
            <a:gd name="adj2" fmla="val 25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ADBF6173-E15F-4531-86FE-ECA0291291AE}">
      <dsp:nvSpPr>
        <dsp:cNvPr id="0" name=""/>
        <dsp:cNvSpPr/>
      </dsp:nvSpPr>
      <dsp:spPr>
        <a:xfrm>
          <a:off x="1696740" y="3839305"/>
          <a:ext cx="231404" cy="231404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364081B1-CC75-4C63-A9DF-920CB8D62483}">
      <dsp:nvSpPr>
        <dsp:cNvPr id="0" name=""/>
        <dsp:cNvSpPr/>
      </dsp:nvSpPr>
      <dsp:spPr>
        <a:xfrm>
          <a:off x="1812442" y="3955007"/>
          <a:ext cx="2073736" cy="160759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2616" tIns="0" rIns="0" bIns="0" numCol="1" spcCol="1270" anchor="t" anchorCtr="0">
          <a:noAutofit/>
        </a:bodyPr>
        <a:lstStyle/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500" kern="1200" dirty="0"/>
            <a:t>2. kvartal 2023 Handicapråd drøfter og prioriterer vigtigste kryds, evt. kendte problemstillinger og prioritering af kryds med </a:t>
          </a:r>
          <a:r>
            <a:rPr lang="da-DK" sz="1500" kern="1200" dirty="0" err="1"/>
            <a:t>lydgivere</a:t>
          </a:r>
          <a:endParaRPr lang="da-DK" sz="1500" kern="1200" dirty="0"/>
        </a:p>
      </dsp:txBody>
      <dsp:txXfrm>
        <a:off x="1812442" y="3955007"/>
        <a:ext cx="2073736" cy="1607591"/>
      </dsp:txXfrm>
    </dsp:sp>
    <dsp:sp modelId="{06949F05-2D26-4CB0-BBA8-6AD0B28C05CE}">
      <dsp:nvSpPr>
        <dsp:cNvPr id="0" name=""/>
        <dsp:cNvSpPr/>
      </dsp:nvSpPr>
      <dsp:spPr>
        <a:xfrm>
          <a:off x="3739327" y="2327391"/>
          <a:ext cx="418307" cy="418307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A4FB8BC-8473-49C9-AF41-48CA644440BE}">
      <dsp:nvSpPr>
        <dsp:cNvPr id="0" name=""/>
        <dsp:cNvSpPr/>
      </dsp:nvSpPr>
      <dsp:spPr>
        <a:xfrm>
          <a:off x="3948480" y="2536545"/>
          <a:ext cx="2136038" cy="302605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21652" tIns="0" rIns="0" bIns="0" numCol="1" spcCol="1270" anchor="t" anchorCtr="0">
          <a:noAutofit/>
        </a:bodyPr>
        <a:lstStyle/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500" kern="1200" dirty="0"/>
            <a:t>2. og 3. kvartal 2023</a:t>
          </a:r>
        </a:p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500" kern="1200" dirty="0"/>
            <a:t>Der gennemføres revision i op til 3 kryds</a:t>
          </a:r>
        </a:p>
      </dsp:txBody>
      <dsp:txXfrm>
        <a:off x="3948480" y="2536545"/>
        <a:ext cx="2136038" cy="3026053"/>
      </dsp:txXfrm>
    </dsp:sp>
    <dsp:sp modelId="{F7DA9B64-1C61-4D21-9360-404ACFDDA12B}">
      <dsp:nvSpPr>
        <dsp:cNvPr id="0" name=""/>
        <dsp:cNvSpPr/>
      </dsp:nvSpPr>
      <dsp:spPr>
        <a:xfrm>
          <a:off x="6195770" y="1407337"/>
          <a:ext cx="578510" cy="578510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175E3A1E-600A-4E0B-9601-EB410D55AFA9}">
      <dsp:nvSpPr>
        <dsp:cNvPr id="0" name=""/>
        <dsp:cNvSpPr/>
      </dsp:nvSpPr>
      <dsp:spPr>
        <a:xfrm>
          <a:off x="6485026" y="1696592"/>
          <a:ext cx="2136038" cy="38660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306541" tIns="0" rIns="0" bIns="0" numCol="1" spcCol="1270" anchor="t" anchorCtr="0">
          <a:noAutofit/>
        </a:bodyPr>
        <a:lstStyle/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500" kern="1200" dirty="0"/>
            <a:t>4. kvartal 2023</a:t>
          </a:r>
        </a:p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500" kern="1200" dirty="0"/>
            <a:t>Evt. forbedring i et kryds</a:t>
          </a:r>
        </a:p>
      </dsp:txBody>
      <dsp:txXfrm>
        <a:off x="6485026" y="1696592"/>
        <a:ext cx="2136038" cy="3866006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arrow2">
  <dgm:title val=""/>
  <dgm:desc val=""/>
  <dgm:catLst>
    <dgm:cat type="process" pri="23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arrowDiagram">
    <dgm:varLst>
      <dgm:chMax val="5"/>
      <dgm:dir/>
      <dgm:resizeHandles val="exact"/>
    </dgm:varLst>
    <dgm:alg type="composite">
      <dgm:param type="ar" val="1.6"/>
    </dgm:alg>
    <dgm:shape xmlns:r="http://schemas.openxmlformats.org/officeDocument/2006/relationships" r:blip="">
      <dgm:adjLst/>
    </dgm:shape>
    <dgm:presOf/>
    <dgm:constrLst>
      <dgm:constr type="l" for="ch" forName="arrow"/>
      <dgm:constr type="t" for="ch" forName="arrow"/>
      <dgm:constr type="w" for="ch" forName="arrow" refType="w"/>
      <dgm:constr type="h" for="ch" forName="arrow" refType="h"/>
      <dgm:constr type="ctrX" for="ch" forName="arrowDiagram1" refType="w" fact="0.5"/>
      <dgm:constr type="ctrY" for="ch" forName="arrowDiagram1" refType="h" fact="0.5"/>
      <dgm:constr type="w" for="ch" forName="arrowDiagram1" refType="w"/>
      <dgm:constr type="h" for="ch" forName="arrowDiagram1" refType="h"/>
      <dgm:constr type="ctrX" for="ch" forName="arrowDiagram2" refType="w" fact="0.5"/>
      <dgm:constr type="ctrY" for="ch" forName="arrowDiagram2" refType="h" fact="0.5"/>
      <dgm:constr type="w" for="ch" forName="arrowDiagram2" refType="w"/>
      <dgm:constr type="h" for="ch" forName="arrowDiagram2" refType="h"/>
      <dgm:constr type="ctrX" for="ch" forName="arrowDiagram3" refType="w" fact="0.5"/>
      <dgm:constr type="ctrY" for="ch" forName="arrowDiagram3" refType="h" fact="0.5"/>
      <dgm:constr type="w" for="ch" forName="arrowDiagram3" refType="w"/>
      <dgm:constr type="h" for="ch" forName="arrowDiagram3" refType="h"/>
      <dgm:constr type="ctrX" for="ch" forName="arrowDiagram4" refType="w" fact="0.5"/>
      <dgm:constr type="ctrY" for="ch" forName="arrowDiagram4" refType="h" fact="0.5"/>
      <dgm:constr type="w" for="ch" forName="arrowDiagram4" refType="w"/>
      <dgm:constr type="h" for="ch" forName="arrowDiagram4" refType="h"/>
      <dgm:constr type="ctrX" for="ch" forName="arrowDiagram5" refType="w" fact="0.5"/>
      <dgm:constr type="ctrY" for="ch" forName="arrowDiagram5" refType="h" fact="0.5"/>
      <dgm:constr type="w" for="ch" forName="arrowDiagram5" refType="w"/>
      <dgm:constr type="h" for="ch" forName="arrowDiagram5" refType="h"/>
    </dgm:constrLst>
    <dgm:ruleLst/>
    <dgm:choose name="Name0">
      <dgm:if name="Name1" axis="ch" ptType="node" func="cnt" op="gte" val="1">
        <dgm:layoutNode name="arrow" styleLbl="bgShp">
          <dgm:alg type="sp"/>
          <dgm:shape xmlns:r="http://schemas.openxmlformats.org/officeDocument/2006/relationships" type="swooshArrow" r:blip="">
            <dgm:adjLst>
              <dgm:adj idx="2" val="0.25"/>
            </dgm:adjLst>
          </dgm:shape>
          <dgm:presOf/>
          <dgm:constrLst/>
          <dgm:ruleLst/>
        </dgm:layoutNode>
        <dgm:choose name="Name2">
          <dgm:if name="Name3" axis="ch" ptType="node" func="cnt" op="lt" val="1"/>
          <dgm:if name="Name4" axis="ch" ptType="node" func="cnt" op="equ" val="1">
            <dgm:layoutNode name="arrowDiagram1">
              <dgm:varLst>
                <dgm:bulletEnabled val="1"/>
              </dgm:varLst>
              <dgm:alg type="composite">
                <dgm:param type="vertAlign" val="none"/>
                <dgm:param type="horzAlign" val="none"/>
              </dgm:alg>
              <dgm:shape xmlns:r="http://schemas.openxmlformats.org/officeDocument/2006/relationships" r:blip="">
                <dgm:adjLst/>
              </dgm:shape>
              <dgm:presOf/>
              <dgm:constrLst>
                <dgm:constr type="ctrX" for="ch" forName="bullet1" refType="w" fact="0.8"/>
                <dgm:constr type="ctrY" for="ch" forName="bullet1" refType="h" fact="0.262"/>
                <dgm:constr type="w" for="ch" forName="bullet1" refType="w" fact="0.074"/>
                <dgm:constr type="h" for="ch" forName="bullet1" refType="w" refFor="ch" refForName="bullet1"/>
                <dgm:constr type="r" for="ch" forName="textBox1" refType="ctrX" refFor="ch" refForName="bullet1"/>
                <dgm:constr type="t" for="ch" forName="textBox1" refType="ctrY" refFor="ch" refForName="bullet1"/>
                <dgm:constr type="w" for="ch" forName="textBox1" refType="w" fact="0.4"/>
                <dgm:constr type="h" for="ch" forName="textBox1" refType="h" fact="0.738"/>
                <dgm:constr type="userA" refType="h" refFor="ch" refForName="bullet1" fact="0.53"/>
                <dgm:constr type="rMarg" for="ch" forName="textBox1" refType="userA" fact="2.834"/>
                <dgm:constr type="primFontSz" for="ch" ptType="node" op="equ" val="65"/>
              </dgm:constrLst>
              <dgm:ruleLst/>
              <dgm:forEach name="Name5" axis="ch" ptType="node" cnt="1">
                <dgm:layoutNode name="bullet1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1" styleLbl="revTx">
                  <dgm:varLst>
                    <dgm:bulletEnabled val="1"/>
                  </dgm:varLst>
                  <dgm:alg type="tx">
                    <dgm:param type="txAnchorVert" val="t"/>
                    <dgm:param type="parTxLTRAlign" val="r"/>
                    <dgm:param type="parTxRTLAlign" val="r"/>
                  </dgm:alg>
                  <dgm:shape xmlns:r="http://schemas.openxmlformats.org/officeDocument/2006/relationships" type="round2DiagRect" r:blip="">
                    <dgm:adjLst/>
                  </dgm:shape>
                  <dgm:presOf axis="desOrSelf" ptType="node"/>
                  <dgm:constrLst>
                    <dgm:constr type="lMarg"/>
                    <dgm:constr type="tMarg"/>
                    <dgm:constr type="bMarg"/>
                  </dgm:constrLst>
                  <dgm:ruleLst>
                    <dgm:rule type="primFontSz" val="5" fact="NaN" max="NaN"/>
                  </dgm:ruleLst>
                </dgm:layoutNode>
              </dgm:forEach>
            </dgm:layoutNode>
          </dgm:if>
          <dgm:if name="Name6" axis="ch" ptType="node" func="cnt" op="equ" val="2">
            <dgm:layoutNode name="arrowDiagram2">
              <dgm:alg type="composite">
                <dgm:param type="vertAlign" val="none"/>
                <dgm:param type="horzAlign" val="none"/>
              </dgm:alg>
              <dgm:shape xmlns:r="http://schemas.openxmlformats.org/officeDocument/2006/relationships" r:blip="">
                <dgm:adjLst/>
              </dgm:shape>
              <dgm:presOf/>
              <dgm:choose name="Name7">
                <dgm:if name="Name8" func="var" arg="dir" op="equ" val="norm">
                  <dgm:constrLst>
                    <dgm:constr type="ctrX" for="ch" forName="bullet2a" refType="w" fact="0.25"/>
                    <dgm:constr type="ctrY" for="ch" forName="bullet2a" refType="h" fact="0.573"/>
                    <dgm:constr type="w" for="ch" forName="bullet2a" refType="w" fact="0.035"/>
                    <dgm:constr type="h" for="ch" forName="bullet2a" refType="w" refFor="ch" refForName="bullet2a"/>
                    <dgm:constr type="l" for="ch" forName="textBox2a" refType="ctrX" refFor="ch" refForName="bullet2a"/>
                    <dgm:constr type="t" for="ch" forName="textBox2a" refType="ctrY" refFor="ch" refForName="bullet2a"/>
                    <dgm:constr type="w" for="ch" forName="textBox2a" refType="w" fact="0.325"/>
                    <dgm:constr type="h" for="ch" forName="textBox2a" refType="h" fact="0.427"/>
                    <dgm:constr type="userA" refType="h" refFor="ch" refForName="bullet2a" fact="0.53"/>
                    <dgm:constr type="lMarg" for="ch" forName="textBox2a" refType="userA" fact="2.834"/>
                    <dgm:constr type="ctrX" for="ch" forName="bullet2b" refType="w" fact="0.585"/>
                    <dgm:constr type="ctrY" for="ch" forName="bullet2b" refType="h" fact="0.338"/>
                    <dgm:constr type="w" for="ch" forName="bullet2b" refType="w" fact="0.06"/>
                    <dgm:constr type="h" for="ch" forName="bullet2b" refType="w" refFor="ch" refForName="bullet2b"/>
                    <dgm:constr type="l" for="ch" forName="textBox2b" refType="ctrX" refFor="ch" refForName="bullet2b"/>
                    <dgm:constr type="t" for="ch" forName="textBox2b" refType="ctrY" refFor="ch" refForName="bullet2b"/>
                    <dgm:constr type="w" for="ch" forName="textBox2b" refType="w" fact="0.325"/>
                    <dgm:constr type="h" for="ch" forName="textBox2b" refType="h" fact="0.662"/>
                    <dgm:constr type="userB" refType="h" refFor="ch" refForName="bullet2b" fact="0.53"/>
                    <dgm:constr type="lMarg" for="ch" forName="textBox2b" refType="userB" fact="2.834"/>
                    <dgm:constr type="primFontSz" for="ch" ptType="node" op="equ" val="65"/>
                  </dgm:constrLst>
                </dgm:if>
                <dgm:else name="Name9">
                  <dgm:constrLst>
                    <dgm:constr type="ctrX" for="ch" forName="bullet2a" refType="w" fact="0.25"/>
                    <dgm:constr type="ctrY" for="ch" forName="bullet2a" refType="h" fact="0.573"/>
                    <dgm:constr type="w" for="ch" forName="bullet2a" refType="w" fact="0.035"/>
                    <dgm:constr type="h" for="ch" forName="bullet2a" refType="w" refFor="ch" refForName="bullet2a"/>
                    <dgm:constr type="r" for="ch" forName="textBox2a" refType="ctrX" refFor="ch" refForName="bullet2a"/>
                    <dgm:constr type="b" for="ch" forName="textBox2a" refType="ctrY" refFor="ch" refForName="bullet2a"/>
                    <dgm:constr type="w" for="ch" forName="textBox2a" refType="w" fact="0.25"/>
                    <dgm:constr type="h" for="ch" forName="textBox2a" refType="h" fact="0.573"/>
                    <dgm:constr type="userA" refType="h" refFor="ch" refForName="bullet2a" fact="0.53"/>
                    <dgm:constr type="rMarg" for="ch" forName="textBox2a" refType="userA" fact="2.834"/>
                    <dgm:constr type="ctrX" for="ch" forName="bullet2b" refType="w" fact="0.585"/>
                    <dgm:constr type="ctrY" for="ch" forName="bullet2b" refType="h" fact="0.338"/>
                    <dgm:constr type="w" for="ch" forName="bullet2b" refType="w" fact="0.06"/>
                    <dgm:constr type="h" for="ch" forName="bullet2b" refType="w" refFor="ch" refForName="bullet2b"/>
                    <dgm:constr type="r" for="ch" forName="textBox2b" refType="ctrX" refFor="ch" refForName="bullet2b"/>
                    <dgm:constr type="b" for="ch" forName="textBox2b" refType="ctrY" refFor="ch" refForName="bullet2b"/>
                    <dgm:constr type="w" for="ch" forName="textBox2b" refType="w" fact="0.28"/>
                    <dgm:constr type="h" for="ch" forName="textBox2b" refType="h" fact="0.338"/>
                    <dgm:constr type="userB" refType="h" refFor="ch" refForName="bullet2b" fact="0.53"/>
                    <dgm:constr type="rMarg" for="ch" forName="textBox2b" refType="userB" fact="2.834"/>
                    <dgm:constr type="primFontSz" for="ch" ptType="node" op="equ" val="65"/>
                  </dgm:constrLst>
                </dgm:else>
              </dgm:choose>
              <dgm:ruleLst/>
              <dgm:forEach name="Name10" axis="ch" ptType="node" cnt="1">
                <dgm:layoutNode name="bullet2a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2a" styleLbl="revTx">
                  <dgm:varLst>
                    <dgm:bulletEnabled val="1"/>
                  </dgm:varLst>
                  <dgm:choose name="Name11">
                    <dgm:if name="Name12" func="var" arg="dir" op="equ" val="norm">
                      <dgm:choose name="Name13">
                        <dgm:if name="Name14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15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16">
                      <dgm:choose name="Name17">
                        <dgm:if name="Name18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19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20">
                    <dgm:if name="Name21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22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  <dgm:forEach name="Name23" axis="ch" ptType="node" st="2" cnt="1">
                <dgm:layoutNode name="bullet2b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2b" styleLbl="revTx">
                  <dgm:varLst>
                    <dgm:bulletEnabled val="1"/>
                  </dgm:varLst>
                  <dgm:choose name="Name24">
                    <dgm:if name="Name25" func="var" arg="dir" op="equ" val="norm">
                      <dgm:choose name="Name26">
                        <dgm:if name="Name27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28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29">
                      <dgm:choose name="Name30">
                        <dgm:if name="Name31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32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33">
                    <dgm:if name="Name34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35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</dgm:layoutNode>
          </dgm:if>
          <dgm:if name="Name36" axis="ch" ptType="node" func="cnt" op="equ" val="3">
            <dgm:layoutNode name="arrowDiagram3">
              <dgm:alg type="composite">
                <dgm:param type="vertAlign" val="none"/>
                <dgm:param type="horzAlign" val="none"/>
              </dgm:alg>
              <dgm:shape xmlns:r="http://schemas.openxmlformats.org/officeDocument/2006/relationships" r:blip="">
                <dgm:adjLst/>
              </dgm:shape>
              <dgm:presOf/>
              <dgm:choose name="Name37">
                <dgm:if name="Name38" func="var" arg="dir" op="equ" val="norm">
                  <dgm:constrLst>
                    <dgm:constr type="ctrX" for="ch" forName="bullet3a" refType="w" fact="0.14"/>
                    <dgm:constr type="ctrY" for="ch" forName="bullet3a" refType="h" fact="0.711"/>
                    <dgm:constr type="w" for="ch" forName="bullet3a" refType="w" fact="0.026"/>
                    <dgm:constr type="h" for="ch" forName="bullet3a" refType="w" refFor="ch" refForName="bullet3a"/>
                    <dgm:constr type="l" for="ch" forName="textBox3a" refType="ctrX" refFor="ch" refForName="bullet3a"/>
                    <dgm:constr type="t" for="ch" forName="textBox3a" refType="ctrY" refFor="ch" refForName="bullet3a"/>
                    <dgm:constr type="w" for="ch" forName="textBox3a" refType="w" fact="0.233"/>
                    <dgm:constr type="h" for="ch" forName="textBox3a" refType="h" fact="0.289"/>
                    <dgm:constr type="userA" refType="h" refFor="ch" refForName="bullet3a" fact="0.53"/>
                    <dgm:constr type="lMarg" for="ch" forName="textBox3a" refType="userA" fact="2.834"/>
                    <dgm:constr type="ctrX" for="ch" forName="bullet3b" refType="w" fact="0.38"/>
                    <dgm:constr type="ctrY" for="ch" forName="bullet3b" refType="h" fact="0.456"/>
                    <dgm:constr type="w" for="ch" forName="bullet3b" refType="w" fact="0.047"/>
                    <dgm:constr type="h" for="ch" forName="bullet3b" refType="w" refFor="ch" refForName="bullet3b"/>
                    <dgm:constr type="l" for="ch" forName="textBox3b" refType="ctrX" refFor="ch" refForName="bullet3b"/>
                    <dgm:constr type="t" for="ch" forName="textBox3b" refType="ctrY" refFor="ch" refForName="bullet3b"/>
                    <dgm:constr type="w" for="ch" forName="textBox3b" refType="w" fact="0.24"/>
                    <dgm:constr type="h" for="ch" forName="textBox3b" refType="h" fact="0.544"/>
                    <dgm:constr type="userB" refType="h" refFor="ch" refForName="bullet3b" fact="0.53"/>
                    <dgm:constr type="lMarg" for="ch" forName="textBox3b" refType="userB" fact="2.834"/>
                    <dgm:constr type="ctrX" for="ch" forName="bullet3c" refType="w" fact="0.665"/>
                    <dgm:constr type="ctrY" for="ch" forName="bullet3c" refType="h" fact="0.305"/>
                    <dgm:constr type="w" for="ch" forName="bullet3c" refType="w" fact="0.065"/>
                    <dgm:constr type="h" for="ch" forName="bullet3c" refType="w" refFor="ch" refForName="bullet3c"/>
                    <dgm:constr type="l" for="ch" forName="textBox3c" refType="ctrX" refFor="ch" refForName="bullet3c"/>
                    <dgm:constr type="t" for="ch" forName="textBox3c" refType="ctrY" refFor="ch" refForName="bullet3c"/>
                    <dgm:constr type="w" for="ch" forName="textBox3c" refType="w" fact="0.24"/>
                    <dgm:constr type="h" for="ch" forName="textBox3c" refType="h" fact="0.695"/>
                    <dgm:constr type="userC" refType="h" refFor="ch" refForName="bullet3c" fact="0.53"/>
                    <dgm:constr type="lMarg" for="ch" forName="textBox3c" refType="userC" fact="2.834"/>
                    <dgm:constr type="primFontSz" for="ch" ptType="node" op="equ" val="65"/>
                  </dgm:constrLst>
                </dgm:if>
                <dgm:else name="Name39">
                  <dgm:constrLst>
                    <dgm:constr type="ctrX" for="ch" forName="bullet3a" refType="w" fact="0.14"/>
                    <dgm:constr type="ctrY" for="ch" forName="bullet3a" refType="h" fact="0.711"/>
                    <dgm:constr type="w" for="ch" forName="bullet3a" refType="w" fact="0.026"/>
                    <dgm:constr type="h" for="ch" forName="bullet3a" refType="w" refFor="ch" refForName="bullet3a"/>
                    <dgm:constr type="r" for="ch" forName="textBox3a" refType="ctrX" refFor="ch" refForName="bullet3a"/>
                    <dgm:constr type="b" for="ch" forName="textBox3a" refType="ctrY" refFor="ch" refForName="bullet3a"/>
                    <dgm:constr type="w" for="ch" forName="textBox3a" refType="w" fact="0.14"/>
                    <dgm:constr type="h" for="ch" forName="textBox3a" refType="h" fact="0.711"/>
                    <dgm:constr type="userA" refType="h" refFor="ch" refForName="bullet3a" fact="0.53"/>
                    <dgm:constr type="rMarg" for="ch" forName="textBox3a" refType="userA" fact="2.834"/>
                    <dgm:constr type="ctrX" for="ch" forName="bullet3b" refType="w" fact="0.38"/>
                    <dgm:constr type="ctrY" for="ch" forName="bullet3b" refType="h" fact="0.456"/>
                    <dgm:constr type="w" for="ch" forName="bullet3b" refType="w" fact="0.047"/>
                    <dgm:constr type="h" for="ch" forName="bullet3b" refType="w" refFor="ch" refForName="bullet3b"/>
                    <dgm:constr type="r" for="ch" forName="textBox3b" refType="ctrX" refFor="ch" refForName="bullet3b"/>
                    <dgm:constr type="b" for="ch" forName="textBox3b" refType="ctrY" refFor="ch" refForName="bullet3b"/>
                    <dgm:constr type="w" for="ch" forName="textBox3b" refType="w" fact="0.24"/>
                    <dgm:constr type="h" for="ch" forName="textBox3b" refType="h" fact="0.456"/>
                    <dgm:constr type="userB" refType="h" refFor="ch" refForName="bullet3b" fact="0.53"/>
                    <dgm:constr type="rMarg" for="ch" forName="textBox3b" refType="userB" fact="2.834"/>
                    <dgm:constr type="ctrX" for="ch" forName="bullet3c" refType="w" fact="0.665"/>
                    <dgm:constr type="ctrY" for="ch" forName="bullet3c" refType="h" fact="0.305"/>
                    <dgm:constr type="w" for="ch" forName="bullet3c" refType="w" fact="0.065"/>
                    <dgm:constr type="h" for="ch" forName="bullet3c" refType="w" refFor="ch" refForName="bullet3c"/>
                    <dgm:constr type="r" for="ch" forName="textBox3c" refType="ctrX" refFor="ch" refForName="bullet3c"/>
                    <dgm:constr type="b" for="ch" forName="textBox3c" refType="ctrY" refFor="ch" refForName="bullet3c"/>
                    <dgm:constr type="w" for="ch" forName="textBox3c" refType="w" fact="0.24"/>
                    <dgm:constr type="h" for="ch" forName="textBox3c" refType="h" fact="0.305"/>
                    <dgm:constr type="userC" refType="h" refFor="ch" refForName="bullet3c" fact="0.53"/>
                    <dgm:constr type="rMarg" for="ch" forName="textBox3c" refType="userC" fact="2.834"/>
                    <dgm:constr type="primFontSz" for="ch" ptType="node" op="equ" val="65"/>
                  </dgm:constrLst>
                </dgm:else>
              </dgm:choose>
              <dgm:ruleLst/>
              <dgm:forEach name="Name40" axis="ch" ptType="node" cnt="1">
                <dgm:layoutNode name="bullet3a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3a" styleLbl="revTx">
                  <dgm:varLst>
                    <dgm:bulletEnabled val="1"/>
                  </dgm:varLst>
                  <dgm:choose name="Name41">
                    <dgm:if name="Name42" func="var" arg="dir" op="equ" val="norm">
                      <dgm:choose name="Name43">
                        <dgm:if name="Name44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45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46">
                      <dgm:choose name="Name47">
                        <dgm:if name="Name48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49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50">
                    <dgm:if name="Name51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52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  <dgm:forEach name="Name53" axis="ch" ptType="node" st="2" cnt="1">
                <dgm:layoutNode name="bullet3b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3b" styleLbl="revTx">
                  <dgm:varLst>
                    <dgm:bulletEnabled val="1"/>
                  </dgm:varLst>
                  <dgm:choose name="Name54">
                    <dgm:if name="Name55" func="var" arg="dir" op="equ" val="norm">
                      <dgm:choose name="Name56">
                        <dgm:if name="Name57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58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59">
                      <dgm:choose name="Name60">
                        <dgm:if name="Name61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62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63">
                    <dgm:if name="Name64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65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  <dgm:forEach name="Name66" axis="ch" ptType="node" st="3" cnt="1">
                <dgm:layoutNode name="bullet3c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3c" styleLbl="revTx">
                  <dgm:varLst>
                    <dgm:bulletEnabled val="1"/>
                  </dgm:varLst>
                  <dgm:choose name="Name67">
                    <dgm:if name="Name68" func="var" arg="dir" op="equ" val="norm">
                      <dgm:choose name="Name69">
                        <dgm:if name="Name70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71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72">
                      <dgm:choose name="Name73">
                        <dgm:if name="Name74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75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76">
                    <dgm:if name="Name77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78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</dgm:layoutNode>
          </dgm:if>
          <dgm:if name="Name79" axis="ch" ptType="node" func="cnt" op="equ" val="4">
            <dgm:layoutNode name="arrowDiagram4">
              <dgm:alg type="composite">
                <dgm:param type="vertAlign" val="none"/>
                <dgm:param type="horzAlign" val="none"/>
              </dgm:alg>
              <dgm:shape xmlns:r="http://schemas.openxmlformats.org/officeDocument/2006/relationships" r:blip="">
                <dgm:adjLst/>
              </dgm:shape>
              <dgm:presOf/>
              <dgm:choose name="Name80">
                <dgm:if name="Name81" func="var" arg="dir" op="equ" val="norm">
                  <dgm:constrLst>
                    <dgm:constr type="ctrX" for="ch" forName="bullet4a" refType="w" fact="0.11"/>
                    <dgm:constr type="ctrY" for="ch" forName="bullet4a" refType="h" fact="0.762"/>
                    <dgm:constr type="w" for="ch" forName="bullet4a" refType="w" fact="0.023"/>
                    <dgm:constr type="h" for="ch" forName="bullet4a" refType="w" refFor="ch" refForName="bullet4a"/>
                    <dgm:constr type="l" for="ch" forName="textBox4a" refType="ctrX" refFor="ch" refForName="bullet4a"/>
                    <dgm:constr type="t" for="ch" forName="textBox4a" refType="ctrY" refFor="ch" refForName="bullet4a"/>
                    <dgm:constr type="w" for="ch" forName="textBox4a" refType="w" fact="0.171"/>
                    <dgm:constr type="h" for="ch" forName="textBox4a" refType="h" fact="0.238"/>
                    <dgm:constr type="userA" refType="h" refFor="ch" refForName="bullet4a" fact="0.53"/>
                    <dgm:constr type="lMarg" for="ch" forName="textBox4a" refType="userA" fact="2.834"/>
                    <dgm:constr type="ctrX" for="ch" forName="bullet4b" refType="w" fact="0.281"/>
                    <dgm:constr type="ctrY" for="ch" forName="bullet4b" refType="h" fact="0.543"/>
                    <dgm:constr type="w" for="ch" forName="bullet4b" refType="w" fact="0.04"/>
                    <dgm:constr type="h" for="ch" forName="bullet4b" refType="w" refFor="ch" refForName="bullet4b"/>
                    <dgm:constr type="l" for="ch" forName="textBox4b" refType="ctrX" refFor="ch" refForName="bullet4b"/>
                    <dgm:constr type="t" for="ch" forName="textBox4b" refType="ctrY" refFor="ch" refForName="bullet4b"/>
                    <dgm:constr type="w" for="ch" forName="textBox4b" refType="w" fact="0.21"/>
                    <dgm:constr type="h" for="ch" forName="textBox4b" refType="h" fact="0.457"/>
                    <dgm:constr type="userB" refType="h" refFor="ch" refForName="bullet4b" fact="0.53"/>
                    <dgm:constr type="lMarg" for="ch" forName="textBox4b" refType="userB" fact="2.834"/>
                    <dgm:constr type="ctrX" for="ch" forName="bullet4c" refType="w" fact="0.495"/>
                    <dgm:constr type="ctrY" for="ch" forName="bullet4c" refType="h" fact="0.382"/>
                    <dgm:constr type="w" for="ch" forName="bullet4c" refType="w" fact="0.053"/>
                    <dgm:constr type="h" for="ch" forName="bullet4c" refType="w" refFor="ch" refForName="bullet4c"/>
                    <dgm:constr type="l" for="ch" forName="textBox4c" refType="ctrX" refFor="ch" refForName="bullet4c"/>
                    <dgm:constr type="t" for="ch" forName="textBox4c" refType="ctrY" refFor="ch" refForName="bullet4c"/>
                    <dgm:constr type="w" for="ch" forName="textBox4c" refType="w" fact="0.21"/>
                    <dgm:constr type="h" for="ch" forName="textBox4c" refType="h" fact="0.618"/>
                    <dgm:constr type="userC" refType="h" refFor="ch" refForName="bullet4c" fact="0.53"/>
                    <dgm:constr type="lMarg" for="ch" forName="textBox4c" refType="userC" fact="2.834"/>
                    <dgm:constr type="ctrX" for="ch" forName="bullet4d" refType="w" fact="0.73"/>
                    <dgm:constr type="ctrY" for="ch" forName="bullet4d" refType="h" fact="0.283"/>
                    <dgm:constr type="w" for="ch" forName="bullet4d" refType="w" fact="0.071"/>
                    <dgm:constr type="h" for="ch" forName="bullet4d" refType="w" refFor="ch" refForName="bullet4d"/>
                    <dgm:constr type="l" for="ch" forName="textBox4d" refType="ctrX" refFor="ch" refForName="bullet4d"/>
                    <dgm:constr type="t" for="ch" forName="textBox4d" refType="ctrY" refFor="ch" refForName="bullet4d"/>
                    <dgm:constr type="w" for="ch" forName="textBox4d" refType="w" fact="0.21"/>
                    <dgm:constr type="h" for="ch" forName="textBox4d" refType="h" fact="0.717"/>
                    <dgm:constr type="userD" refType="h" refFor="ch" refForName="bullet4d" fact="0.53"/>
                    <dgm:constr type="lMarg" for="ch" forName="textBox4d" refType="userD" fact="2.834"/>
                    <dgm:constr type="primFontSz" for="ch" ptType="node" op="equ" val="65"/>
                  </dgm:constrLst>
                </dgm:if>
                <dgm:else name="Name82">
                  <dgm:constrLst>
                    <dgm:constr type="ctrX" for="ch" forName="bullet4a" refType="w" fact="0.11"/>
                    <dgm:constr type="ctrY" for="ch" forName="bullet4a" refType="h" fact="0.762"/>
                    <dgm:constr type="w" for="ch" forName="bullet4a" refType="w" fact="0.023"/>
                    <dgm:constr type="h" for="ch" forName="bullet4a" refType="w" refFor="ch" refForName="bullet4a"/>
                    <dgm:constr type="r" for="ch" forName="textBox4a" refType="ctrX" refFor="ch" refForName="bullet4a"/>
                    <dgm:constr type="b" for="ch" forName="textBox4a" refType="ctrY" refFor="ch" refForName="bullet4a"/>
                    <dgm:constr type="w" for="ch" forName="textBox4a" refType="w" fact="0.11"/>
                    <dgm:constr type="h" for="ch" forName="textBox4a" refType="h" fact="0.762"/>
                    <dgm:constr type="userA" refType="h" refFor="ch" refForName="bullet4a" fact="0.53"/>
                    <dgm:constr type="rMarg" for="ch" forName="textBox4a" refType="userA" fact="2.834"/>
                    <dgm:constr type="ctrX" for="ch" forName="bullet4b" refType="w" fact="0.281"/>
                    <dgm:constr type="ctrY" for="ch" forName="bullet4b" refType="h" fact="0.543"/>
                    <dgm:constr type="w" for="ch" forName="bullet4b" refType="w" fact="0.04"/>
                    <dgm:constr type="h" for="ch" forName="bullet4b" refType="w" refFor="ch" refForName="bullet4b"/>
                    <dgm:constr type="r" for="ch" forName="textBox4b" refType="ctrX" refFor="ch" refForName="bullet4b"/>
                    <dgm:constr type="b" for="ch" forName="textBox4b" refType="ctrY" refFor="ch" refForName="bullet4b"/>
                    <dgm:constr type="w" for="ch" forName="textBox4b" refType="w" fact="0.171"/>
                    <dgm:constr type="h" for="ch" forName="textBox4b" refType="h" fact="0.543"/>
                    <dgm:constr type="userB" refType="h" refFor="ch" refForName="bullet4b" fact="0.53"/>
                    <dgm:constr type="rMarg" for="ch" forName="textBox4b" refType="userB" fact="2.834"/>
                    <dgm:constr type="ctrX" for="ch" forName="bullet4c" refType="w" fact="0.495"/>
                    <dgm:constr type="ctrY" for="ch" forName="bullet4c" refType="h" fact="0.382"/>
                    <dgm:constr type="w" for="ch" forName="bullet4c" refType="w" fact="0.053"/>
                    <dgm:constr type="h" for="ch" forName="bullet4c" refType="w" refFor="ch" refForName="bullet4c"/>
                    <dgm:constr type="r" for="ch" forName="textBox4c" refType="ctrX" refFor="ch" refForName="bullet4c"/>
                    <dgm:constr type="b" for="ch" forName="textBox4c" refType="ctrY" refFor="ch" refForName="bullet4c"/>
                    <dgm:constr type="w" for="ch" forName="textBox4c" refType="w" fact="0.21"/>
                    <dgm:constr type="h" for="ch" forName="textBox4c" refType="h" fact="0.382"/>
                    <dgm:constr type="userC" refType="h" refFor="ch" refForName="bullet4c" fact="0.53"/>
                    <dgm:constr type="rMarg" for="ch" forName="textBox4c" refType="userC" fact="2.834"/>
                    <dgm:constr type="ctrX" for="ch" forName="bullet4d" refType="w" fact="0.73"/>
                    <dgm:constr type="ctrY" for="ch" forName="bullet4d" refType="h" fact="0.283"/>
                    <dgm:constr type="w" for="ch" forName="bullet4d" refType="w" fact="0.071"/>
                    <dgm:constr type="h" for="ch" forName="bullet4d" refType="w" refFor="ch" refForName="bullet4d"/>
                    <dgm:constr type="r" for="ch" forName="textBox4d" refType="ctrX" refFor="ch" refForName="bullet4d"/>
                    <dgm:constr type="b" for="ch" forName="textBox4d" refType="ctrY" refFor="ch" refForName="bullet4d"/>
                    <dgm:constr type="w" for="ch" forName="textBox4d" refType="w" fact="0.21"/>
                    <dgm:constr type="h" for="ch" forName="textBox4d" refType="h" fact="0.283"/>
                    <dgm:constr type="userD" refType="h" refFor="ch" refForName="bullet4d" fact="0.53"/>
                    <dgm:constr type="rMarg" for="ch" forName="textBox4d" refType="userD" fact="2.834"/>
                    <dgm:constr type="primFontSz" for="ch" ptType="node" op="equ" val="65"/>
                  </dgm:constrLst>
                </dgm:else>
              </dgm:choose>
              <dgm:ruleLst/>
              <dgm:forEach name="Name83" axis="ch" ptType="node" cnt="1">
                <dgm:layoutNode name="bullet4a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4a" styleLbl="revTx">
                  <dgm:varLst>
                    <dgm:bulletEnabled val="1"/>
                  </dgm:varLst>
                  <dgm:choose name="Name84">
                    <dgm:if name="Name85" func="var" arg="dir" op="equ" val="norm">
                      <dgm:choose name="Name86">
                        <dgm:if name="Name87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88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89">
                      <dgm:choose name="Name90">
                        <dgm:if name="Name91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92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93">
                    <dgm:if name="Name94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95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  <dgm:forEach name="Name96" axis="ch" ptType="node" st="2" cnt="1">
                <dgm:layoutNode name="bullet4b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4b" styleLbl="revTx">
                  <dgm:varLst>
                    <dgm:bulletEnabled val="1"/>
                  </dgm:varLst>
                  <dgm:choose name="Name97">
                    <dgm:if name="Name98" func="var" arg="dir" op="equ" val="norm">
                      <dgm:choose name="Name99">
                        <dgm:if name="Name100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101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102">
                      <dgm:choose name="Name103">
                        <dgm:if name="Name104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105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106">
                    <dgm:if name="Name107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108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  <dgm:forEach name="Name109" axis="ch" ptType="node" st="3" cnt="1">
                <dgm:layoutNode name="bullet4c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4c" styleLbl="revTx">
                  <dgm:varLst>
                    <dgm:bulletEnabled val="1"/>
                  </dgm:varLst>
                  <dgm:choose name="Name110">
                    <dgm:if name="Name111" func="var" arg="dir" op="equ" val="norm">
                      <dgm:choose name="Name112">
                        <dgm:if name="Name113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114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115">
                      <dgm:choose name="Name116">
                        <dgm:if name="Name117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118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119">
                    <dgm:if name="Name120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121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  <dgm:forEach name="Name122" axis="ch" ptType="node" st="4" cnt="1">
                <dgm:layoutNode name="bullet4d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4d" styleLbl="revTx">
                  <dgm:varLst>
                    <dgm:bulletEnabled val="1"/>
                  </dgm:varLst>
                  <dgm:choose name="Name123">
                    <dgm:if name="Name124" func="var" arg="dir" op="equ" val="norm">
                      <dgm:choose name="Name125">
                        <dgm:if name="Name126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127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128">
                      <dgm:choose name="Name129">
                        <dgm:if name="Name130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131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132">
                    <dgm:if name="Name133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134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</dgm:layoutNode>
          </dgm:if>
          <dgm:else name="Name135">
            <dgm:layoutNode name="arrowDiagram5">
              <dgm:alg type="composite">
                <dgm:param type="vertAlign" val="none"/>
                <dgm:param type="horzAlign" val="none"/>
              </dgm:alg>
              <dgm:shape xmlns:r="http://schemas.openxmlformats.org/officeDocument/2006/relationships" r:blip="">
                <dgm:adjLst/>
              </dgm:shape>
              <dgm:presOf/>
              <dgm:choose name="Name136">
                <dgm:if name="Name137" func="var" arg="dir" op="equ" val="norm">
                  <dgm:constrLst>
                    <dgm:constr type="ctrX" for="ch" forName="bullet5a" refType="w" fact="0.11"/>
                    <dgm:constr type="ctrY" for="ch" forName="bullet5a" refType="h" fact="0.762"/>
                    <dgm:constr type="w" for="ch" forName="bullet5a" refType="w" fact="0.023"/>
                    <dgm:constr type="h" for="ch" forName="bullet5a" refType="w" refFor="ch" refForName="bullet5a"/>
                    <dgm:constr type="l" for="ch" forName="textBox5a" refType="ctrX" refFor="ch" refForName="bullet5a"/>
                    <dgm:constr type="t" for="ch" forName="textBox5a" refType="ctrY" refFor="ch" refForName="bullet5a"/>
                    <dgm:constr type="w" for="ch" forName="textBox5a" refType="w" fact="0.131"/>
                    <dgm:constr type="h" for="ch" forName="textBox5a" refType="h" fact="0.238"/>
                    <dgm:constr type="userA" refType="h" refFor="ch" refForName="bullet5a" fact="0.53"/>
                    <dgm:constr type="lMarg" for="ch" forName="textBox5a" refType="userA" fact="2.834"/>
                    <dgm:constr type="ctrX" for="ch" forName="bullet5b" refType="w" fact="0.241"/>
                    <dgm:constr type="ctrY" for="ch" forName="bullet5b" refType="h" fact="0.581"/>
                    <dgm:constr type="w" for="ch" forName="bullet5b" refType="w" fact="0.036"/>
                    <dgm:constr type="h" for="ch" forName="bullet5b" refType="w" refFor="ch" refForName="bullet5b"/>
                    <dgm:constr type="l" for="ch" forName="textBox5b" refType="ctrX" refFor="ch" refForName="bullet5b"/>
                    <dgm:constr type="t" for="ch" forName="textBox5b" refType="ctrY" refFor="ch" refForName="bullet5b"/>
                    <dgm:constr type="w" for="ch" forName="textBox5b" refType="w" fact="0.166"/>
                    <dgm:constr type="h" for="ch" forName="textBox5b" refType="h" fact="0.419"/>
                    <dgm:constr type="userB" refType="h" refFor="ch" refForName="bullet5b" fact="0.53"/>
                    <dgm:constr type="lMarg" for="ch" forName="textBox5b" refType="userB" fact="2.834"/>
                    <dgm:constr type="ctrX" for="ch" forName="bullet5c" refType="w" fact="0.407"/>
                    <dgm:constr type="ctrY" for="ch" forName="bullet5c" refType="h" fact="0.438"/>
                    <dgm:constr type="w" for="ch" forName="bullet5c" refType="w" fact="0.048"/>
                    <dgm:constr type="h" for="ch" forName="bullet5c" refType="w" refFor="ch" refForName="bullet5c"/>
                    <dgm:constr type="l" for="ch" forName="textBox5c" refType="ctrX" refFor="ch" refForName="bullet5c"/>
                    <dgm:constr type="t" for="ch" forName="textBox5c" refType="ctrY" refFor="ch" refForName="bullet5c"/>
                    <dgm:constr type="w" for="ch" forName="textBox5c" refType="w" fact="0.193"/>
                    <dgm:constr type="h" for="ch" forName="textBox5c" refType="h" fact="0.562"/>
                    <dgm:constr type="userC" refType="h" refFor="ch" refForName="bullet5c" fact="0.53"/>
                    <dgm:constr type="lMarg" for="ch" forName="textBox5c" refType="userC" fact="2.834"/>
                    <dgm:constr type="ctrX" for="ch" forName="bullet5d" refType="w" fact="0.6"/>
                    <dgm:constr type="ctrY" for="ch" forName="bullet5d" refType="h" fact="0.33"/>
                    <dgm:constr type="w" for="ch" forName="bullet5d" refType="w" fact="0.062"/>
                    <dgm:constr type="h" for="ch" forName="bullet5d" refType="w" refFor="ch" refForName="bullet5d"/>
                    <dgm:constr type="l" for="ch" forName="textBox5d" refType="ctrX" refFor="ch" refForName="bullet5d"/>
                    <dgm:constr type="t" for="ch" forName="textBox5d" refType="ctrY" refFor="ch" refForName="bullet5d"/>
                    <dgm:constr type="w" for="ch" forName="textBox5d" refType="w" fact="0.2"/>
                    <dgm:constr type="h" for="ch" forName="textBox5d" refType="h" fact="0.67"/>
                    <dgm:constr type="userD" refType="h" refFor="ch" refForName="bullet5d" fact="0.53"/>
                    <dgm:constr type="lMarg" for="ch" forName="textBox5d" refType="userD" fact="2.834"/>
                    <dgm:constr type="ctrX" for="ch" forName="bullet5e" refType="w" fact="0.8"/>
                    <dgm:constr type="ctrY" for="ch" forName="bullet5e" refType="h" fact="0.264"/>
                    <dgm:constr type="w" for="ch" forName="bullet5e" refType="w" fact="0.079"/>
                    <dgm:constr type="h" for="ch" forName="bullet5e" refType="w" refFor="ch" refForName="bullet5e"/>
                    <dgm:constr type="l" for="ch" forName="textBox5e" refType="ctrX" refFor="ch" refForName="bullet5e"/>
                    <dgm:constr type="t" for="ch" forName="textBox5e" refType="ctrY" refFor="ch" refForName="bullet5e"/>
                    <dgm:constr type="w" for="ch" forName="textBox5e" refType="w" fact="0.2"/>
                    <dgm:constr type="h" for="ch" forName="textBox5e" refType="h" fact="0.736"/>
                    <dgm:constr type="userE" refType="h" refFor="ch" refForName="bullet5e" fact="0.53"/>
                    <dgm:constr type="lMarg" for="ch" forName="textBox5e" refType="userE" fact="2.834"/>
                    <dgm:constr type="primFontSz" for="ch" ptType="node" op="equ" val="65"/>
                  </dgm:constrLst>
                </dgm:if>
                <dgm:else name="Name138">
                  <dgm:constrLst>
                    <dgm:constr type="ctrX" for="ch" forName="bullet5a" refType="w" fact="0.11"/>
                    <dgm:constr type="ctrY" for="ch" forName="bullet5a" refType="h" fact="0.762"/>
                    <dgm:constr type="w" for="ch" forName="bullet5a" refType="w" fact="0.023"/>
                    <dgm:constr type="h" for="ch" forName="bullet5a" refType="w" refFor="ch" refForName="bullet5a"/>
                    <dgm:constr type="r" for="ch" forName="textBox5a" refType="ctrX" refFor="ch" refForName="bullet5a"/>
                    <dgm:constr type="b" for="ch" forName="textBox5a" refType="ctrY" refFor="ch" refForName="bullet5a"/>
                    <dgm:constr type="w" for="ch" forName="textBox5a" refType="w" fact="0.11"/>
                    <dgm:constr type="h" for="ch" forName="textBox5a" refType="h" fact="0.762"/>
                    <dgm:constr type="userA" refType="h" refFor="ch" refForName="bullet5a" fact="0.53"/>
                    <dgm:constr type="rMarg" for="ch" forName="textBox5a" refType="userA" fact="2.834"/>
                    <dgm:constr type="ctrX" for="ch" forName="bullet5b" refType="w" fact="0.241"/>
                    <dgm:constr type="ctrY" for="ch" forName="bullet5b" refType="h" fact="0.581"/>
                    <dgm:constr type="w" for="ch" forName="bullet5b" refType="w" fact="0.036"/>
                    <dgm:constr type="h" for="ch" forName="bullet5b" refType="w" refFor="ch" refForName="bullet5b"/>
                    <dgm:constr type="r" for="ch" forName="textBox5b" refType="ctrX" refFor="ch" refForName="bullet5b"/>
                    <dgm:constr type="b" for="ch" forName="textBox5b" refType="ctrY" refFor="ch" refForName="bullet5b"/>
                    <dgm:constr type="w" for="ch" forName="textBox5b" refType="w" fact="0.131"/>
                    <dgm:constr type="h" for="ch" forName="textBox5b" refType="h" fact="0.581"/>
                    <dgm:constr type="userB" refType="h" refFor="ch" refForName="bullet5b" fact="0.53"/>
                    <dgm:constr type="rMarg" for="ch" forName="textBox5b" refType="userB" fact="2.834"/>
                    <dgm:constr type="ctrX" for="ch" forName="bullet5c" refType="w" fact="0.407"/>
                    <dgm:constr type="ctrY" for="ch" forName="bullet5c" refType="h" fact="0.438"/>
                    <dgm:constr type="w" for="ch" forName="bullet5c" refType="w" fact="0.048"/>
                    <dgm:constr type="h" for="ch" forName="bullet5c" refType="w" refFor="ch" refForName="bullet5c"/>
                    <dgm:constr type="r" for="ch" forName="textBox5c" refType="ctrX" refFor="ch" refForName="bullet5c"/>
                    <dgm:constr type="b" for="ch" forName="textBox5c" refType="ctrY" refFor="ch" refForName="bullet5c"/>
                    <dgm:constr type="w" for="ch" forName="textBox5c" refType="w" fact="0.166"/>
                    <dgm:constr type="h" for="ch" forName="textBox5c" refType="h" fact="0.438"/>
                    <dgm:constr type="userC" refType="h" refFor="ch" refForName="bullet5c" fact="0.53"/>
                    <dgm:constr type="rMarg" for="ch" forName="textBox5c" refType="userC" fact="2.834"/>
                    <dgm:constr type="ctrX" for="ch" forName="bullet5d" refType="w" fact="0.6"/>
                    <dgm:constr type="ctrY" for="ch" forName="bullet5d" refType="h" fact="0.33"/>
                    <dgm:constr type="w" for="ch" forName="bullet5d" refType="w" fact="0.062"/>
                    <dgm:constr type="h" for="ch" forName="bullet5d" refType="w" refFor="ch" refForName="bullet5d"/>
                    <dgm:constr type="r" for="ch" forName="textBox5d" refType="ctrX" refFor="ch" refForName="bullet5d"/>
                    <dgm:constr type="b" for="ch" forName="textBox5d" refType="ctrY" refFor="ch" refForName="bullet5d"/>
                    <dgm:constr type="w" for="ch" forName="textBox5d" refType="w" fact="0.193"/>
                    <dgm:constr type="h" for="ch" forName="textBox5d" refType="h" fact="0.33"/>
                    <dgm:constr type="userD" refType="h" refFor="ch" refForName="bullet5d" fact="0.53"/>
                    <dgm:constr type="rMarg" for="ch" forName="textBox5d" refType="userD" fact="2.834"/>
                    <dgm:constr type="ctrX" for="ch" forName="bullet5e" refType="w" fact="0.8"/>
                    <dgm:constr type="ctrY" for="ch" forName="bullet5e" refType="h" fact="0.264"/>
                    <dgm:constr type="w" for="ch" forName="bullet5e" refType="w" fact="0.079"/>
                    <dgm:constr type="h" for="ch" forName="bullet5e" refType="w" refFor="ch" refForName="bullet5e"/>
                    <dgm:constr type="r" for="ch" forName="textBox5e" refType="ctrX" refFor="ch" refForName="bullet5e"/>
                    <dgm:constr type="b" for="ch" forName="textBox5e" refType="ctrY" refFor="ch" refForName="bullet5e"/>
                    <dgm:constr type="w" for="ch" forName="textBox5e" refType="w" fact="0.2"/>
                    <dgm:constr type="h" for="ch" forName="textBox5e" refType="h" fact="0.264"/>
                    <dgm:constr type="userE" refType="h" refFor="ch" refForName="bullet5e" fact="0.53"/>
                    <dgm:constr type="rMarg" for="ch" forName="textBox5e" refType="userE" fact="2.834"/>
                    <dgm:constr type="primFontSz" for="ch" ptType="node" op="equ" val="65"/>
                  </dgm:constrLst>
                </dgm:else>
              </dgm:choose>
              <dgm:ruleLst/>
              <dgm:forEach name="Name139" axis="ch" ptType="node" cnt="1">
                <dgm:layoutNode name="bullet5a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5a" styleLbl="revTx">
                  <dgm:varLst>
                    <dgm:bulletEnabled val="1"/>
                  </dgm:varLst>
                  <dgm:choose name="Name140">
                    <dgm:if name="Name141" func="var" arg="dir" op="equ" val="norm">
                      <dgm:choose name="Name142">
                        <dgm:if name="Name143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144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145">
                      <dgm:choose name="Name146">
                        <dgm:if name="Name147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148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149">
                    <dgm:if name="Name150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151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  <dgm:forEach name="Name152" axis="ch" ptType="node" st="2" cnt="1">
                <dgm:layoutNode name="bullet5b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5b" styleLbl="revTx">
                  <dgm:varLst>
                    <dgm:bulletEnabled val="1"/>
                  </dgm:varLst>
                  <dgm:choose name="Name153">
                    <dgm:if name="Name154" func="var" arg="dir" op="equ" val="norm">
                      <dgm:choose name="Name155">
                        <dgm:if name="Name156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157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158">
                      <dgm:choose name="Name159">
                        <dgm:if name="Name160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161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162">
                    <dgm:if name="Name163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164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  <dgm:forEach name="Name165" axis="ch" ptType="node" st="3" cnt="1">
                <dgm:layoutNode name="bullet5c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5c" styleLbl="revTx">
                  <dgm:varLst>
                    <dgm:bulletEnabled val="1"/>
                  </dgm:varLst>
                  <dgm:choose name="Name166">
                    <dgm:if name="Name167" func="var" arg="dir" op="equ" val="norm">
                      <dgm:choose name="Name168">
                        <dgm:if name="Name169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170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171">
                      <dgm:choose name="Name172">
                        <dgm:if name="Name173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174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175">
                    <dgm:if name="Name176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177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  <dgm:forEach name="Name178" axis="ch" ptType="node" st="4" cnt="1">
                <dgm:layoutNode name="bullet5d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5d" styleLbl="revTx">
                  <dgm:varLst>
                    <dgm:bulletEnabled val="1"/>
                  </dgm:varLst>
                  <dgm:choose name="Name179">
                    <dgm:if name="Name180" func="var" arg="dir" op="equ" val="norm">
                      <dgm:choose name="Name181">
                        <dgm:if name="Name182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183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184">
                      <dgm:choose name="Name185">
                        <dgm:if name="Name186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187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188">
                    <dgm:if name="Name189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190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  <dgm:forEach name="Name191" axis="ch" ptType="node" st="5" cnt="1">
                <dgm:layoutNode name="bullet5e" styleLbl="node1">
                  <dgm:alg type="sp"/>
                  <dgm:shape xmlns:r="http://schemas.openxmlformats.org/officeDocument/2006/relationships" type="ellipse" r:blip="">
                    <dgm:adjLst/>
                  </dgm:shape>
                  <dgm:presOf/>
                  <dgm:constrLst/>
                  <dgm:ruleLst/>
                </dgm:layoutNode>
                <dgm:layoutNode name="textBox5e" styleLbl="revTx">
                  <dgm:varLst>
                    <dgm:bulletEnabled val="1"/>
                  </dgm:varLst>
                  <dgm:choose name="Name192">
                    <dgm:if name="Name193" func="var" arg="dir" op="equ" val="norm">
                      <dgm:choose name="Name194">
                        <dgm:if name="Name195" axis="root des" ptType="all node" func="maxDepth" op="gt" val="1">
                          <dgm:alg type="tx">
                            <dgm:param type="txAnchorVert" val="t"/>
                            <dgm:param type="parTxLTRAlign" val="l"/>
                            <dgm:param type="parTxRTLAlign" val="r"/>
                          </dgm:alg>
                        </dgm:if>
                        <dgm:else name="Name196">
                          <dgm:alg type="tx">
                            <dgm:param type="txAnchorVert" val="t"/>
                            <dgm:param type="parTxLTRAlign" val="l"/>
                            <dgm:param type="parTxRTLAlign" val="l"/>
                          </dgm:alg>
                        </dgm:else>
                      </dgm:choose>
                    </dgm:if>
                    <dgm:else name="Name197">
                      <dgm:choose name="Name198">
                        <dgm:if name="Name199" axis="root des" ptType="all node" func="maxDepth" op="gt" val="1">
                          <dgm:alg type="tx">
                            <dgm:param type="txAnchorVert" val="b"/>
                            <dgm:param type="txAnchorVertCh" val="b"/>
                            <dgm:param type="parTxLTRAlign" val="l"/>
                            <dgm:param type="parTxRTLAlign" val="r"/>
                          </dgm:alg>
                        </dgm:if>
                        <dgm:else name="Name200">
                          <dgm:alg type="tx">
                            <dgm:param type="txAnchorVert" val="b"/>
                            <dgm:param type="parTxLTRAlign" val="r"/>
                            <dgm:param type="parTxRTLAlign" val="r"/>
                          </dgm:alg>
                        </dgm:else>
                      </dgm:choose>
                    </dgm:else>
                  </dgm:choose>
                  <dgm:shape xmlns:r="http://schemas.openxmlformats.org/officeDocument/2006/relationships" type="rect" r:blip="">
                    <dgm:adjLst/>
                  </dgm:shape>
                  <dgm:presOf axis="desOrSelf" ptType="node"/>
                  <dgm:choose name="Name201">
                    <dgm:if name="Name202" func="var" arg="dir" op="equ" val="norm">
                      <dgm:constrLst>
                        <dgm:constr type="rMarg"/>
                        <dgm:constr type="tMarg"/>
                        <dgm:constr type="bMarg"/>
                      </dgm:constrLst>
                    </dgm:if>
                    <dgm:else name="Name203">
                      <dgm:constrLst>
                        <dgm:constr type="lMarg"/>
                        <dgm:constr type="tMarg"/>
                        <dgm:constr type="bMarg"/>
                      </dgm:constrLst>
                    </dgm:else>
                  </dgm:choose>
                  <dgm:ruleLst>
                    <dgm:rule type="primFontSz" val="5" fact="NaN" max="NaN"/>
                  </dgm:ruleLst>
                </dgm:layoutNode>
              </dgm:forEach>
            </dgm:layoutNode>
          </dgm:else>
        </dgm:choose>
      </dgm:if>
      <dgm:else name="Name204"/>
    </dgm:choose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47C155-9CB6-499B-AC57-D300D571700B}" type="datetime1">
              <a:rPr lang="en-GB" smtClean="0"/>
              <a:t>31/03/2023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3C03291D-E9A4-4836-A1EE-06947928841B}" type="datetime1">
              <a:rPr lang="en-GB" smtClean="0"/>
              <a:t>31/03/2023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Header Placeholder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da-DK" smtClean="0"/>
              <a:t>31-03-2023</a:t>
            </a:fld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2194156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Anbefaler ikke at revidere alle kryds på en gang, da der kan ske ændringer inden man har midler til at udføre forbedringerne.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31/03/2023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3098665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31/03/2023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7120701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7" Type="http://schemas.openxmlformats.org/officeDocument/2006/relationships/image" Target="../media/image11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E03AA1A-E061-46E0-A0B0-791EE9A9CB13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3E789A96-6EC3-46AD-9228-96AAE1E63CB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 bwMode="black">
          <a:xfrm>
            <a:off x="8947028" y="5908796"/>
            <a:ext cx="1615510" cy="502365"/>
          </a:xfrm>
          <a:prstGeom prst="rect">
            <a:avLst/>
          </a:prstGeom>
        </p:spPr>
      </p:pic>
      <p:pic>
        <p:nvPicPr>
          <p:cNvPr id="10" name="Bølge">
            <a:extLst>
              <a:ext uri="{FF2B5EF4-FFF2-40B4-BE49-F238E27FC236}">
                <a16:creationId xmlns:a16="http://schemas.microsoft.com/office/drawing/2014/main" id="{844DAE6A-012C-4307-8320-6D9BD0D9D974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7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95">
                <a:solidFill>
                  <a:schemeClr val="accent5"/>
                </a:solidFill>
              </a:defRPr>
            </a:lvl1pPr>
          </a:lstStyle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 tIns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38" userDrawn="1">
          <p15:clr>
            <a:srgbClr val="F26B43"/>
          </p15:clr>
        </p15:guide>
        <p15:guide id="2" orient="horz" pos="1842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3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F2C96D14-E7BA-4836-A439-3BC5869DACF5}"/>
              </a:ext>
            </a:extLst>
          </p:cNvPr>
          <p:cNvSpPr txBox="1"/>
          <p:nvPr userDrawn="1"/>
        </p:nvSpPr>
        <p:spPr>
          <a:xfrm>
            <a:off x="19664" y="6904800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98114CD-897A-46B0-A9D9-3351AFE55FA9}"/>
              </a:ext>
            </a:extLst>
          </p:cNvPr>
          <p:cNvSpPr txBox="1"/>
          <p:nvPr userDrawn="1"/>
        </p:nvSpPr>
        <p:spPr>
          <a:xfrm>
            <a:off x="10391" y="-237841"/>
            <a:ext cx="7985033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3" name="Billedepladsholder">
            <a:extLst>
              <a:ext uri="{FF2B5EF4-FFF2-40B4-BE49-F238E27FC236}">
                <a16:creationId xmlns:a16="http://schemas.microsoft.com/office/drawing/2014/main" id="{649AB22E-D649-49BA-9454-8E6419ECC78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3200" cy="2527300"/>
          </a:xfrm>
          <a:prstGeom prst="rect">
            <a:avLst/>
          </a:prstGeom>
          <a:noFill/>
        </p:spPr>
        <p:txBody>
          <a:bodyPr wrap="square" lIns="0" tIns="648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0" y="2930874"/>
            <a:ext cx="3024000" cy="2699209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FFE1C44D-89EC-4C4E-B86F-F5A11556B02D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583456" y="2930874"/>
            <a:ext cx="3024000" cy="269920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4F38662-B2A0-40D9-88F7-79E3914812AA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086913" y="2930874"/>
            <a:ext cx="3024000" cy="26984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9A51D51C-0A75-4759-A1DC-E03EA19B76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1A30CF4-635E-4913-B8C9-E24AADFEC70C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9C21B955-D3EA-48BD-A3E1-CDAC17A5F7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1C405B7-FAC3-49D3-B550-60A333DE999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339046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4" userDrawn="1">
          <p15:clr>
            <a:srgbClr val="F26B43"/>
          </p15:clr>
        </p15:guide>
        <p15:guide id="2" pos="2586" userDrawn="1">
          <p15:clr>
            <a:srgbClr val="F26B43"/>
          </p15:clr>
        </p15:guide>
        <p15:guide id="3" pos="4793" userDrawn="1">
          <p15:clr>
            <a:srgbClr val="F26B43"/>
          </p15:clr>
        </p15:guide>
        <p15:guide id="4" pos="5094" userDrawn="1">
          <p15:clr>
            <a:srgbClr val="F26B43"/>
          </p15:clr>
        </p15:guide>
        <p15:guide id="5" orient="horz" pos="1845" userDrawn="1">
          <p15:clr>
            <a:srgbClr val="F26B43"/>
          </p15:clr>
        </p15:guide>
        <p15:guide id="6" orient="horz" pos="1594" userDrawn="1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, Titel og 1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BB5759C3-7F22-4CFF-B3C3-ECEEB068CCFE}"/>
              </a:ext>
            </a:extLst>
          </p:cNvPr>
          <p:cNvSpPr txBox="1"/>
          <p:nvPr userDrawn="1"/>
        </p:nvSpPr>
        <p:spPr>
          <a:xfrm>
            <a:off x="19664" y="6904800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FF8D961-7B2C-4465-A2BB-2B595E2F01E2}"/>
              </a:ext>
            </a:extLst>
          </p:cNvPr>
          <p:cNvSpPr txBox="1"/>
          <p:nvPr userDrawn="1"/>
        </p:nvSpPr>
        <p:spPr>
          <a:xfrm>
            <a:off x="10391" y="-237841"/>
            <a:ext cx="7762009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7" name="Billedepladsholder">
            <a:extLst>
              <a:ext uri="{FF2B5EF4-FFF2-40B4-BE49-F238E27FC236}">
                <a16:creationId xmlns:a16="http://schemas.microsoft.com/office/drawing/2014/main" id="{0BAB93EC-C178-4AAB-92EC-63A0BA67B31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3200" cy="2527300"/>
          </a:xfrm>
          <a:prstGeom prst="rect">
            <a:avLst/>
          </a:prstGeom>
          <a:noFill/>
        </p:spPr>
        <p:txBody>
          <a:bodyPr wrap="square" lIns="0" tIns="648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7434774-8FF1-4896-800B-8BA189F6B7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2660073"/>
            <a:ext cx="10031999" cy="729262"/>
          </a:xfrm>
        </p:spPr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8E666FB-6277-4B54-B606-F5C439C348F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80000" y="3793320"/>
            <a:ext cx="10031999" cy="1835956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17D5F2A-D1FA-4CF9-943C-ACB5DA64391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20A2BB0-6463-4A05-8E15-FCAE95214DB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E0B47EA-787A-425B-B43B-FA402FE7020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752934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87" userDrawn="1">
          <p15:clr>
            <a:srgbClr val="F26B43"/>
          </p15:clr>
        </p15:guide>
        <p15:guide id="2" orient="horz" pos="2140" userDrawn="1">
          <p15:clr>
            <a:srgbClr val="F26B43"/>
          </p15:clr>
        </p15:guide>
        <p15:guide id="3" orient="horz" pos="1674" userDrawn="1">
          <p15:clr>
            <a:srgbClr val="F26B43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2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0C7272EE-2D76-4C34-A874-A41591C20FA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4105275" cy="6858000"/>
          </a:xfrm>
          <a:custGeom>
            <a:avLst/>
            <a:gdLst>
              <a:gd name="connsiteX0" fmla="*/ 0 w 4105275"/>
              <a:gd name="connsiteY0" fmla="*/ 0 h 6858000"/>
              <a:gd name="connsiteX1" fmla="*/ 4105275 w 4105275"/>
              <a:gd name="connsiteY1" fmla="*/ 0 h 6858000"/>
              <a:gd name="connsiteX2" fmla="*/ 4105275 w 4105275"/>
              <a:gd name="connsiteY2" fmla="*/ 6339652 h 6858000"/>
              <a:gd name="connsiteX3" fmla="*/ 4088356 w 4105275"/>
              <a:gd name="connsiteY3" fmla="*/ 6336704 h 6858000"/>
              <a:gd name="connsiteX4" fmla="*/ 3162541 w 4105275"/>
              <a:gd name="connsiteY4" fmla="*/ 6178377 h 6858000"/>
              <a:gd name="connsiteX5" fmla="*/ 2837421 w 4105275"/>
              <a:gd name="connsiteY5" fmla="*/ 6123344 h 6858000"/>
              <a:gd name="connsiteX6" fmla="*/ 2828108 w 4105275"/>
              <a:gd name="connsiteY6" fmla="*/ 6121778 h 6858000"/>
              <a:gd name="connsiteX7" fmla="*/ 1221304 w 4105275"/>
              <a:gd name="connsiteY7" fmla="*/ 5889453 h 6858000"/>
              <a:gd name="connsiteX8" fmla="*/ 834 w 4105275"/>
              <a:gd name="connsiteY8" fmla="*/ 5970140 h 6858000"/>
              <a:gd name="connsiteX9" fmla="*/ 834 w 4105275"/>
              <a:gd name="connsiteY9" fmla="*/ 5983263 h 6858000"/>
              <a:gd name="connsiteX10" fmla="*/ 801527 w 4105275"/>
              <a:gd name="connsiteY10" fmla="*/ 5883949 h 6858000"/>
              <a:gd name="connsiteX11" fmla="*/ 1219102 w 4105275"/>
              <a:gd name="connsiteY11" fmla="*/ 5901856 h 6858000"/>
              <a:gd name="connsiteX12" fmla="*/ 2825864 w 4105275"/>
              <a:gd name="connsiteY12" fmla="*/ 6134054 h 6858000"/>
              <a:gd name="connsiteX13" fmla="*/ 3160298 w 4105275"/>
              <a:gd name="connsiteY13" fmla="*/ 6190781 h 6858000"/>
              <a:gd name="connsiteX14" fmla="*/ 4082017 w 4105275"/>
              <a:gd name="connsiteY14" fmla="*/ 6348335 h 6858000"/>
              <a:gd name="connsiteX15" fmla="*/ 4105275 w 4105275"/>
              <a:gd name="connsiteY15" fmla="*/ 6352388 h 6858000"/>
              <a:gd name="connsiteX16" fmla="*/ 4105275 w 4105275"/>
              <a:gd name="connsiteY16" fmla="*/ 6858000 h 6858000"/>
              <a:gd name="connsiteX17" fmla="*/ 0 w 4105275"/>
              <a:gd name="connsiteY1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05275" h="6858000">
                <a:moveTo>
                  <a:pt x="0" y="0"/>
                </a:moveTo>
                <a:lnTo>
                  <a:pt x="4105275" y="0"/>
                </a:lnTo>
                <a:lnTo>
                  <a:pt x="4105275" y="6339652"/>
                </a:lnTo>
                <a:lnTo>
                  <a:pt x="4088356" y="6336704"/>
                </a:lnTo>
                <a:cubicBezTo>
                  <a:pt x="3798356" y="6286412"/>
                  <a:pt x="3490159" y="6233517"/>
                  <a:pt x="3162541" y="6178377"/>
                </a:cubicBezTo>
                <a:cubicBezTo>
                  <a:pt x="3051148" y="6159638"/>
                  <a:pt x="2942775" y="6141293"/>
                  <a:pt x="2837421" y="6123344"/>
                </a:cubicBezTo>
                <a:lnTo>
                  <a:pt x="2828108" y="6121778"/>
                </a:lnTo>
                <a:cubicBezTo>
                  <a:pt x="2212581" y="6017003"/>
                  <a:pt x="1680874" y="5926537"/>
                  <a:pt x="1221304" y="5889453"/>
                </a:cubicBezTo>
                <a:cubicBezTo>
                  <a:pt x="727570" y="5849659"/>
                  <a:pt x="340262" y="5875144"/>
                  <a:pt x="834" y="5970140"/>
                </a:cubicBezTo>
                <a:lnTo>
                  <a:pt x="834" y="5983263"/>
                </a:lnTo>
                <a:cubicBezTo>
                  <a:pt x="237901" y="5916419"/>
                  <a:pt x="497912" y="5883949"/>
                  <a:pt x="801527" y="5883949"/>
                </a:cubicBezTo>
                <a:cubicBezTo>
                  <a:pt x="932125" y="5883949"/>
                  <a:pt x="1070767" y="5889961"/>
                  <a:pt x="1219102" y="5901856"/>
                </a:cubicBezTo>
                <a:cubicBezTo>
                  <a:pt x="1678589" y="5938813"/>
                  <a:pt x="2210253" y="6029280"/>
                  <a:pt x="2825864" y="6134054"/>
                </a:cubicBezTo>
                <a:cubicBezTo>
                  <a:pt x="2933899" y="6152484"/>
                  <a:pt x="3045377" y="6171392"/>
                  <a:pt x="3160298" y="6190781"/>
                </a:cubicBezTo>
                <a:cubicBezTo>
                  <a:pt x="3485609" y="6245412"/>
                  <a:pt x="3792631" y="6298128"/>
                  <a:pt x="4082017" y="6348335"/>
                </a:cubicBezTo>
                <a:lnTo>
                  <a:pt x="4105275" y="6352388"/>
                </a:lnTo>
                <a:lnTo>
                  <a:pt x="4105275" y="6858000"/>
                </a:lnTo>
                <a:lnTo>
                  <a:pt x="0" y="6858000"/>
                </a:lnTo>
                <a:close/>
              </a:path>
            </a:pathLst>
          </a:custGeom>
          <a:noFill/>
        </p:spPr>
        <p:txBody>
          <a:bodyPr wrap="square" lIns="0" tIns="108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7CD6D9-7F9D-4461-876A-4F2E2E20D8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82800" y="1337187"/>
            <a:ext cx="6529200" cy="1189703"/>
          </a:xfrm>
        </p:spPr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82800" y="2929274"/>
            <a:ext cx="3024000" cy="2700000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FFE1C44D-89EC-4C4E-B86F-F5A11556B02D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085600" y="2929274"/>
            <a:ext cx="3024000" cy="270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F72240A-47AC-44E8-AA37-14D69DD79E3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82801" y="308254"/>
            <a:ext cx="3026088" cy="983421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 i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billedtekst</a:t>
            </a:r>
            <a:endParaRPr lang="da-DK"/>
          </a:p>
          <a:p>
            <a:pPr lvl="1"/>
            <a:r>
              <a:rPr lang="da-DK" noProof="0" dirty="0"/>
              <a:t>2</a:t>
            </a:r>
            <a:endParaRPr lang="da-DK"/>
          </a:p>
          <a:p>
            <a:pPr lvl="2"/>
            <a:r>
              <a:rPr lang="da-DK" noProof="0" dirty="0"/>
              <a:t>3</a:t>
            </a:r>
            <a:endParaRPr lang="da-DK"/>
          </a:p>
          <a:p>
            <a:pPr lvl="3"/>
            <a:r>
              <a:rPr lang="da-DK" noProof="0" dirty="0"/>
              <a:t>4</a:t>
            </a:r>
            <a:endParaRPr lang="da-DK"/>
          </a:p>
          <a:p>
            <a:pPr lvl="4"/>
            <a:r>
              <a:rPr lang="da-DK" noProof="0" dirty="0"/>
              <a:t>5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9A51D51C-0A75-4759-A1DC-E03EA19B76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AB7D2C5-A47E-4877-891D-360A2D9718CF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9C21B955-D3EA-48BD-A3E1-CDAC17A5F7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1C405B7-FAC3-49D3-B550-60A333DE999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58AD0D3-EB85-4EF9-824F-500F8BA4E4B6}"/>
              </a:ext>
            </a:extLst>
          </p:cNvPr>
          <p:cNvSpPr txBox="1"/>
          <p:nvPr userDrawn="1"/>
        </p:nvSpPr>
        <p:spPr>
          <a:xfrm>
            <a:off x="4578350" y="6904800"/>
            <a:ext cx="6747651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D040ADB-9976-400A-B907-3FAE68756053}"/>
              </a:ext>
            </a:extLst>
          </p:cNvPr>
          <p:cNvSpPr txBox="1"/>
          <p:nvPr userDrawn="1"/>
        </p:nvSpPr>
        <p:spPr>
          <a:xfrm>
            <a:off x="10391" y="-237841"/>
            <a:ext cx="7695102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773308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4" userDrawn="1">
          <p15:clr>
            <a:srgbClr val="F26B43"/>
          </p15:clr>
        </p15:guide>
        <p15:guide id="2" pos="2586" userDrawn="1">
          <p15:clr>
            <a:srgbClr val="F26B43"/>
          </p15:clr>
        </p15:guide>
        <p15:guide id="3" pos="4793" userDrawn="1">
          <p15:clr>
            <a:srgbClr val="F26B43"/>
          </p15:clr>
        </p15:guide>
        <p15:guide id="4" pos="5094" userDrawn="1">
          <p15:clr>
            <a:srgbClr val="F26B43"/>
          </p15:clr>
        </p15:guide>
        <p15:guide id="5" orient="horz" pos="1597" userDrawn="1">
          <p15:clr>
            <a:srgbClr val="F26B43"/>
          </p15:clr>
        </p15:guide>
        <p15:guide id="6" orient="horz" pos="1842" userDrawn="1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Box 6">
            <a:extLst>
              <a:ext uri="{FF2B5EF4-FFF2-40B4-BE49-F238E27FC236}">
                <a16:creationId xmlns:a16="http://schemas.microsoft.com/office/drawing/2014/main" id="{47291E90-691B-4D4F-8183-182A892F5AC6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766002"/>
            <a:ext cx="10031999" cy="701210"/>
          </a:xfrm>
        </p:spPr>
        <p:txBody>
          <a:bodyPr anchor="t" anchorCtr="0"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0" y="1467212"/>
            <a:ext cx="10031999" cy="4162871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25" userDrawn="1">
          <p15:clr>
            <a:srgbClr val="F26B43"/>
          </p15:clr>
        </p15:guide>
        <p15:guide id="2" orient="horz" pos="480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(venstre) og teks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6240462" y="0"/>
            <a:ext cx="5952737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5" name="Bølge">
            <a:extLst>
              <a:ext uri="{FF2B5EF4-FFF2-40B4-BE49-F238E27FC236}">
                <a16:creationId xmlns:a16="http://schemas.microsoft.com/office/drawing/2014/main" id="{D452460B-30A0-4BD0-BD50-149F20DB23AB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8B53107D-E008-40E6-AF6D-9C9EE3E944F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0"/>
            <a:ext cx="6240463" cy="6858000"/>
          </a:xfrm>
          <a:custGeom>
            <a:avLst/>
            <a:gdLst>
              <a:gd name="connsiteX0" fmla="*/ 0 w 6240463"/>
              <a:gd name="connsiteY0" fmla="*/ 0 h 6858000"/>
              <a:gd name="connsiteX1" fmla="*/ 6240463 w 6240463"/>
              <a:gd name="connsiteY1" fmla="*/ 0 h 6858000"/>
              <a:gd name="connsiteX2" fmla="*/ 6240463 w 6240463"/>
              <a:gd name="connsiteY2" fmla="*/ 6709058 h 6858000"/>
              <a:gd name="connsiteX3" fmla="*/ 6193175 w 6240463"/>
              <a:gd name="connsiteY3" fmla="*/ 6701400 h 6858000"/>
              <a:gd name="connsiteX4" fmla="*/ 4904982 w 6240463"/>
              <a:gd name="connsiteY4" fmla="*/ 6479410 h 6858000"/>
              <a:gd name="connsiteX5" fmla="*/ 3162542 w 6240463"/>
              <a:gd name="connsiteY5" fmla="*/ 6178377 h 6858000"/>
              <a:gd name="connsiteX6" fmla="*/ 2837422 w 6240463"/>
              <a:gd name="connsiteY6" fmla="*/ 6123344 h 6858000"/>
              <a:gd name="connsiteX7" fmla="*/ 2828109 w 6240463"/>
              <a:gd name="connsiteY7" fmla="*/ 6121778 h 6858000"/>
              <a:gd name="connsiteX8" fmla="*/ 1221305 w 6240463"/>
              <a:gd name="connsiteY8" fmla="*/ 5889453 h 6858000"/>
              <a:gd name="connsiteX9" fmla="*/ 835 w 6240463"/>
              <a:gd name="connsiteY9" fmla="*/ 5970140 h 6858000"/>
              <a:gd name="connsiteX10" fmla="*/ 835 w 6240463"/>
              <a:gd name="connsiteY10" fmla="*/ 5983263 h 6858000"/>
              <a:gd name="connsiteX11" fmla="*/ 801528 w 6240463"/>
              <a:gd name="connsiteY11" fmla="*/ 5883949 h 6858000"/>
              <a:gd name="connsiteX12" fmla="*/ 1219103 w 6240463"/>
              <a:gd name="connsiteY12" fmla="*/ 5901856 h 6858000"/>
              <a:gd name="connsiteX13" fmla="*/ 2825865 w 6240463"/>
              <a:gd name="connsiteY13" fmla="*/ 6134054 h 6858000"/>
              <a:gd name="connsiteX14" fmla="*/ 3160299 w 6240463"/>
              <a:gd name="connsiteY14" fmla="*/ 6190781 h 6858000"/>
              <a:gd name="connsiteX15" fmla="*/ 4897913 w 6240463"/>
              <a:gd name="connsiteY15" fmla="*/ 6490840 h 6858000"/>
              <a:gd name="connsiteX16" fmla="*/ 4902612 w 6240463"/>
              <a:gd name="connsiteY16" fmla="*/ 6491686 h 6858000"/>
              <a:gd name="connsiteX17" fmla="*/ 6133967 w 6240463"/>
              <a:gd name="connsiteY17" fmla="*/ 6704316 h 6858000"/>
              <a:gd name="connsiteX18" fmla="*/ 6240463 w 6240463"/>
              <a:gd name="connsiteY18" fmla="*/ 6721718 h 6858000"/>
              <a:gd name="connsiteX19" fmla="*/ 6240463 w 6240463"/>
              <a:gd name="connsiteY19" fmla="*/ 6858000 h 6858000"/>
              <a:gd name="connsiteX20" fmla="*/ 0 w 6240463"/>
              <a:gd name="connsiteY20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6240463" h="6858000">
                <a:moveTo>
                  <a:pt x="0" y="0"/>
                </a:moveTo>
                <a:lnTo>
                  <a:pt x="6240463" y="0"/>
                </a:lnTo>
                <a:lnTo>
                  <a:pt x="6240463" y="6709058"/>
                </a:lnTo>
                <a:lnTo>
                  <a:pt x="6193175" y="6701400"/>
                </a:lnTo>
                <a:cubicBezTo>
                  <a:pt x="5806810" y="6637620"/>
                  <a:pt x="5380513" y="6562828"/>
                  <a:pt x="4904982" y="6479410"/>
                </a:cubicBezTo>
                <a:cubicBezTo>
                  <a:pt x="4395331" y="6389959"/>
                  <a:pt x="3817778" y="6288656"/>
                  <a:pt x="3162542" y="6178377"/>
                </a:cubicBezTo>
                <a:cubicBezTo>
                  <a:pt x="3051151" y="6159637"/>
                  <a:pt x="2942777" y="6141293"/>
                  <a:pt x="2837422" y="6123344"/>
                </a:cubicBezTo>
                <a:lnTo>
                  <a:pt x="2828109" y="6121778"/>
                </a:lnTo>
                <a:cubicBezTo>
                  <a:pt x="2212582" y="6017003"/>
                  <a:pt x="1680875" y="5926537"/>
                  <a:pt x="1221305" y="5889453"/>
                </a:cubicBezTo>
                <a:cubicBezTo>
                  <a:pt x="727571" y="5849659"/>
                  <a:pt x="340263" y="5875144"/>
                  <a:pt x="835" y="5970140"/>
                </a:cubicBezTo>
                <a:lnTo>
                  <a:pt x="835" y="5983263"/>
                </a:lnTo>
                <a:cubicBezTo>
                  <a:pt x="237902" y="5916419"/>
                  <a:pt x="497913" y="5883949"/>
                  <a:pt x="801528" y="5883949"/>
                </a:cubicBezTo>
                <a:cubicBezTo>
                  <a:pt x="932126" y="5883949"/>
                  <a:pt x="1070768" y="5889961"/>
                  <a:pt x="1219103" y="5901856"/>
                </a:cubicBezTo>
                <a:cubicBezTo>
                  <a:pt x="1678590" y="5938813"/>
                  <a:pt x="2210254" y="6029280"/>
                  <a:pt x="2825865" y="6134054"/>
                </a:cubicBezTo>
                <a:cubicBezTo>
                  <a:pt x="2933900" y="6152482"/>
                  <a:pt x="3045376" y="6171392"/>
                  <a:pt x="3160299" y="6190781"/>
                </a:cubicBezTo>
                <a:cubicBezTo>
                  <a:pt x="3810920" y="6300043"/>
                  <a:pt x="4388389" y="6401643"/>
                  <a:pt x="4897913" y="6490840"/>
                </a:cubicBezTo>
                <a:lnTo>
                  <a:pt x="4902612" y="6491686"/>
                </a:lnTo>
                <a:cubicBezTo>
                  <a:pt x="5357293" y="6571464"/>
                  <a:pt x="5764201" y="6642859"/>
                  <a:pt x="6133967" y="6704316"/>
                </a:cubicBezTo>
                <a:lnTo>
                  <a:pt x="6240463" y="6721718"/>
                </a:lnTo>
                <a:lnTo>
                  <a:pt x="6240463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360000" tIns="864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EDF58A1D-A54F-4FD1-AE2F-B7CFC0BA644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715125" y="1433513"/>
            <a:ext cx="4395788" cy="4195762"/>
          </a:xfrm>
        </p:spPr>
        <p:txBody>
          <a:bodyPr tIns="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BDEF24E3-66FE-4F2F-A011-50560AEF7DBA}"/>
              </a:ext>
            </a:extLst>
          </p:cNvPr>
          <p:cNvSpPr>
            <a:spLocks noGrp="1"/>
          </p:cNvSpPr>
          <p:nvPr>
            <p:ph type="dt" sz="half" idx="2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31.3.2023</a:t>
            </a:fld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B6F23D79-81CF-4688-882E-E9C9F3776816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7474B9EB-E11C-42BF-89DB-213E3D0EE2D7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91A2BBC-EA22-4F87-B6BE-8065DE374F4D}"/>
              </a:ext>
            </a:extLst>
          </p:cNvPr>
          <p:cNvSpPr txBox="1"/>
          <p:nvPr userDrawn="1"/>
        </p:nvSpPr>
        <p:spPr>
          <a:xfrm>
            <a:off x="6240462" y="6904800"/>
            <a:ext cx="59515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569BE6D-9CFC-41F4-A1AB-6BD295890A59}"/>
              </a:ext>
            </a:extLst>
          </p:cNvPr>
          <p:cNvSpPr txBox="1"/>
          <p:nvPr userDrawn="1"/>
        </p:nvSpPr>
        <p:spPr>
          <a:xfrm>
            <a:off x="10391" y="-237841"/>
            <a:ext cx="7817765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494897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3931" userDrawn="1">
          <p15:clr>
            <a:srgbClr val="F26B43"/>
          </p15:clr>
        </p15:guide>
        <p15:guide id="3" pos="4230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 (højre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2" name="Bølge">
            <a:extLst>
              <a:ext uri="{FF2B5EF4-FFF2-40B4-BE49-F238E27FC236}">
                <a16:creationId xmlns:a16="http://schemas.microsoft.com/office/drawing/2014/main" id="{E016D23C-A3E5-4A5C-9873-A475F293B72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0" name="Picture Placeholder 15">
            <a:extLst>
              <a:ext uri="{FF2B5EF4-FFF2-40B4-BE49-F238E27FC236}">
                <a16:creationId xmlns:a16="http://schemas.microsoft.com/office/drawing/2014/main" id="{ED6FEF3C-882F-49A4-8D99-2EFF11D53F2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419600" y="0"/>
            <a:ext cx="7772400" cy="520065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360000" tIns="864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EDF58A1D-A54F-4FD1-AE2F-B7CFC0BA644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9501" y="1433513"/>
            <a:ext cx="2863661" cy="4195762"/>
          </a:xfrm>
        </p:spPr>
        <p:txBody>
          <a:bodyPr tIns="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BDEF24E3-66FE-4F2F-A011-50560AEF7DBA}"/>
              </a:ext>
            </a:extLst>
          </p:cNvPr>
          <p:cNvSpPr>
            <a:spLocks noGrp="1"/>
          </p:cNvSpPr>
          <p:nvPr>
            <p:ph type="dt" sz="half" idx="2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31.3.2023</a:t>
            </a:fld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B6F23D79-81CF-4688-882E-E9C9F3776816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7474B9EB-E11C-42BF-89DB-213E3D0EE2D7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C10C610-B8C0-478C-B886-DB998BD5AD00}"/>
              </a:ext>
            </a:extLst>
          </p:cNvPr>
          <p:cNvSpPr txBox="1"/>
          <p:nvPr userDrawn="1"/>
        </p:nvSpPr>
        <p:spPr>
          <a:xfrm>
            <a:off x="4419601" y="-237841"/>
            <a:ext cx="7733784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r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413E52F0-8128-4E4F-AA06-50D8F0CA6246}"/>
              </a:ext>
            </a:extLst>
          </p:cNvPr>
          <p:cNvSpPr txBox="1"/>
          <p:nvPr userDrawn="1"/>
        </p:nvSpPr>
        <p:spPr>
          <a:xfrm>
            <a:off x="11151" y="6904800"/>
            <a:ext cx="6747651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05423043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2484" userDrawn="1">
          <p15:clr>
            <a:srgbClr val="F26B43"/>
          </p15:clr>
        </p15:guide>
        <p15:guide id="3" pos="2784" userDrawn="1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ma-ø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2764A67A-7464-48A2-95C3-CE81376C558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F14046D-76A4-4050-8FE9-0AC1D18448CA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7" name="Footer Placeholder 8" hidden="1">
            <a:extLst>
              <a:ext uri="{FF2B5EF4-FFF2-40B4-BE49-F238E27FC236}">
                <a16:creationId xmlns:a16="http://schemas.microsoft.com/office/drawing/2014/main" id="{B9270B08-E350-4667-AB9F-D3D8222042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D60B3A1-D44F-45F7-977E-C629098697FB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F0C6ABB3-2D6D-4067-A145-983686DFA7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4" name="Bølge">
            <a:extLst>
              <a:ext uri="{FF2B5EF4-FFF2-40B4-BE49-F238E27FC236}">
                <a16:creationId xmlns:a16="http://schemas.microsoft.com/office/drawing/2014/main" id="{AA30B32F-DCE9-4831-B411-994E68F1EB94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1" name="Picture Placeholder top">
            <a:extLst>
              <a:ext uri="{FF2B5EF4-FFF2-40B4-BE49-F238E27FC236}">
                <a16:creationId xmlns:a16="http://schemas.microsoft.com/office/drawing/2014/main" id="{F0569BB0-532C-4FA4-A781-E15CBDB9D0CF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7286400" y="0"/>
            <a:ext cx="3600000" cy="2743200"/>
          </a:xfrm>
          <a:solidFill>
            <a:schemeClr val="bg1">
              <a:lumMod val="95000"/>
            </a:schemeClr>
          </a:solidFill>
        </p:spPr>
        <p:txBody>
          <a:bodyPr lIns="180000" tIns="1116000" rIns="180000"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00" b="0" i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2" name="Picture Placeholder bund">
            <a:extLst>
              <a:ext uri="{FF2B5EF4-FFF2-40B4-BE49-F238E27FC236}">
                <a16:creationId xmlns:a16="http://schemas.microsoft.com/office/drawing/2014/main" id="{72554AE4-F732-4B8B-84E8-ED71E58B883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016800" y="4374000"/>
            <a:ext cx="4269600" cy="2484000"/>
          </a:xfrm>
          <a:solidFill>
            <a:schemeClr val="bg1">
              <a:lumMod val="95000"/>
            </a:schemeClr>
          </a:solidFill>
        </p:spPr>
        <p:txBody>
          <a:bodyPr lIns="180000" tIns="1116000" rIns="180000"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00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9" name="Text Placeholder venstre">
            <a:extLst>
              <a:ext uri="{FF2B5EF4-FFF2-40B4-BE49-F238E27FC236}">
                <a16:creationId xmlns:a16="http://schemas.microsoft.com/office/drawing/2014/main" id="{47F336ED-EABD-48B7-9273-7D90232C0EC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9499" y="2943635"/>
            <a:ext cx="6206400" cy="1430365"/>
          </a:xfrm>
          <a:solidFill>
            <a:srgbClr val="FEF2E2"/>
          </a:solidFill>
        </p:spPr>
        <p:txBody>
          <a:bodyPr lIns="360000" tIns="360000" rIns="360000" bIns="360000" anchor="b" anchorCtr="0">
            <a:sp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>
                <a:latin typeface="+mj-lt"/>
              </a:defRPr>
            </a:lvl1pPr>
            <a:lvl2pPr marL="0" indent="0">
              <a:lnSpc>
                <a:spcPct val="106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2pPr>
            <a:lvl3pPr marL="0" indent="0">
              <a:spcBef>
                <a:spcPts val="0"/>
              </a:spcBef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  <a:latin typeface="+mn-lt"/>
              </a:defRPr>
            </a:lvl3pPr>
            <a:lvl4pPr marL="0" indent="0">
              <a:spcBef>
                <a:spcPts val="0"/>
              </a:spcBef>
              <a:buFont typeface="Arial" panose="020B0604020202020204" pitchFamily="34" charset="0"/>
              <a:buNone/>
              <a:defRPr sz="1400" b="0" i="0">
                <a:solidFill>
                  <a:schemeClr val="tx1"/>
                </a:solidFill>
                <a:latin typeface="+mn-lt"/>
              </a:defRPr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5pPr>
            <a:lvl6pPr marL="0" indent="0">
              <a:spcBef>
                <a:spcPts val="0"/>
              </a:spcBef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  <a:latin typeface="+mn-lt"/>
              </a:defRPr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10" name="Text Placeholder højre">
            <a:extLst>
              <a:ext uri="{FF2B5EF4-FFF2-40B4-BE49-F238E27FC236}">
                <a16:creationId xmlns:a16="http://schemas.microsoft.com/office/drawing/2014/main" id="{5F2F4632-FA93-4073-8AB4-69B28A38603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286400" y="2743200"/>
            <a:ext cx="4906800" cy="1428698"/>
          </a:xfrm>
          <a:solidFill>
            <a:schemeClr val="accent1">
              <a:lumMod val="20000"/>
              <a:lumOff val="80000"/>
            </a:schemeClr>
          </a:solidFill>
        </p:spPr>
        <p:txBody>
          <a:bodyPr lIns="360000" tIns="360000" rIns="360000" bIns="360000">
            <a:sp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>
                <a:latin typeface="+mj-lt"/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 i="0">
                <a:solidFill>
                  <a:schemeClr val="tx1"/>
                </a:solidFill>
                <a:latin typeface="+mn-lt"/>
              </a:defRPr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5pPr>
            <a:lvl6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C774E2F-B4AB-4E9E-B961-980AE5E636E0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9C33FA5F-BBA5-4997-8429-358B4B51F583}"/>
              </a:ext>
            </a:extLst>
          </p:cNvPr>
          <p:cNvSpPr txBox="1"/>
          <p:nvPr userDrawn="1"/>
        </p:nvSpPr>
        <p:spPr>
          <a:xfrm>
            <a:off x="19665" y="-607173"/>
            <a:ext cx="4552336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447244E7-6899-4AEC-8CE5-4E82EB0AA5A7}"/>
              </a:ext>
            </a:extLst>
          </p:cNvPr>
          <p:cNvSpPr txBox="1"/>
          <p:nvPr userDrawn="1"/>
        </p:nvSpPr>
        <p:spPr>
          <a:xfrm>
            <a:off x="7285899" y="6904800"/>
            <a:ext cx="4867486" cy="369332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b="0" noProof="0" dirty="0"/>
              <a:t>Hvis tekstboksen er større end den tekst du har skrevet, så stil dig efter sidste ord og lav et mellemrum på dit tastatur, så tilpasser boksen sig teksten.</a:t>
            </a:r>
            <a:endParaRPr lang="da-DK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23DB2AC-541B-4291-8AD4-1ECD45D2B5B8}"/>
              </a:ext>
            </a:extLst>
          </p:cNvPr>
          <p:cNvSpPr txBox="1"/>
          <p:nvPr userDrawn="1"/>
        </p:nvSpPr>
        <p:spPr>
          <a:xfrm>
            <a:off x="7120593" y="-422507"/>
            <a:ext cx="3931614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ctr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7940245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2764A67A-7464-48A2-95C3-CE81376C558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F14046D-76A4-4050-8FE9-0AC1D18448CA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7" name="Footer Placeholder 8" hidden="1">
            <a:extLst>
              <a:ext uri="{FF2B5EF4-FFF2-40B4-BE49-F238E27FC236}">
                <a16:creationId xmlns:a16="http://schemas.microsoft.com/office/drawing/2014/main" id="{B9270B08-E350-4667-AB9F-D3D8222042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E256D4B3-03CA-400D-A965-E0E58BC924F7}"/>
              </a:ext>
            </a:extLst>
          </p:cNvPr>
          <p:cNvSpPr txBox="1"/>
          <p:nvPr userDrawn="1"/>
        </p:nvSpPr>
        <p:spPr>
          <a:xfrm>
            <a:off x="19664" y="-422507"/>
            <a:ext cx="11306337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Marker rammen for at indsætte mørkt billede via Stifinder, eller marker rammen og vælg billede via Templafy-kolonnen til højre</a:t>
            </a:r>
            <a:endParaRPr lang="da-DK"/>
          </a:p>
          <a:p>
            <a:r>
              <a:rPr lang="da-DK" sz="1200" noProof="0" dirty="0"/>
              <a:t>Højre klik på billedet og vælg ” Placer Bagerst” for at få transparant lag foran billede, hvis du ønsker det foran billedet.</a:t>
            </a:r>
            <a:endParaRPr lang="da-DK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D60B3A1-D44F-45F7-977E-C629098697F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16" name="Text Placeholder overlay">
            <a:extLst>
              <a:ext uri="{FF2B5EF4-FFF2-40B4-BE49-F238E27FC236}">
                <a16:creationId xmlns:a16="http://schemas.microsoft.com/office/drawing/2014/main" id="{E3286507-0FD1-4EEF-B779-E5AF19FA241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0"/>
            <a:ext cx="12193200" cy="6858000"/>
          </a:xfrm>
          <a:solidFill>
            <a:schemeClr val="accent1">
              <a:alpha val="50000"/>
            </a:schemeClr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17" name="Picture Placeholder hel">
            <a:extLst>
              <a:ext uri="{FF2B5EF4-FFF2-40B4-BE49-F238E27FC236}">
                <a16:creationId xmlns:a16="http://schemas.microsoft.com/office/drawing/2014/main" id="{FCD36E60-F456-4FE7-B2BD-9E69397BCC92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0" y="0"/>
            <a:ext cx="12192000" cy="6858000"/>
          </a:xfrm>
          <a:noFill/>
        </p:spPr>
        <p:txBody>
          <a:bodyPr lIns="72000" tIns="72000" rIns="72000"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400" b="0"/>
            </a:lvl1pPr>
          </a:lstStyle>
          <a:p>
            <a:r>
              <a:rPr lang="da-DK" dirty="0"/>
              <a:t>Marker rammen for at indsætte mørkt billede via Stifinder, eller marker rammen og vælg billede via Templafy-kolonnen til højre</a:t>
            </a:r>
            <a:endParaRPr lang="da-DK"/>
          </a:p>
          <a:p>
            <a:r>
              <a:rPr lang="da-DK" dirty="0"/>
              <a:t>Højre klik på billedet og vælg ”Placer Bagerst” for at få transparant lag foran billede, hvis du ønsker det foran billedet.</a:t>
            </a:r>
            <a:endParaRPr lang="da-DK"/>
          </a:p>
        </p:txBody>
      </p:sp>
      <p:sp>
        <p:nvSpPr>
          <p:cNvPr id="14" name="Text Placeholder bølge">
            <a:extLst>
              <a:ext uri="{FF2B5EF4-FFF2-40B4-BE49-F238E27FC236}">
                <a16:creationId xmlns:a16="http://schemas.microsoft.com/office/drawing/2014/main" id="{F4DA0F76-58E9-4C42-A925-C53B807A4A2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5871600"/>
            <a:ext cx="12193200" cy="9864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C34CD04A-C4F3-4B5D-B22E-A946997AF9B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194435" y="6322512"/>
            <a:ext cx="1065600" cy="331200"/>
          </a:xfrm>
          <a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C774E2F-B4AB-4E9E-B961-980AE5E636E0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 Placeholder citat">
            <a:extLst>
              <a:ext uri="{FF2B5EF4-FFF2-40B4-BE49-F238E27FC236}">
                <a16:creationId xmlns:a16="http://schemas.microsoft.com/office/drawing/2014/main" id="{522A2313-D711-4DB7-A4EF-4CF3811A187B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0800000">
            <a:off x="1079998" y="688256"/>
            <a:ext cx="1134000" cy="986400"/>
          </a:xfrm>
          <a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4A26801-52E0-4B33-970E-B1B5E93CFA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2" y="1927123"/>
            <a:ext cx="8535946" cy="3702152"/>
          </a:xfrm>
        </p:spPr>
        <p:txBody>
          <a:bodyPr anchor="t" anchorCtr="0"/>
          <a:lstStyle>
            <a:lvl1pPr>
              <a:defRPr sz="4000">
                <a:solidFill>
                  <a:schemeClr val="bg1"/>
                </a:solidFill>
                <a:latin typeface="Montserrat SemiBold" panose="00000700000000000000" pitchFamily="2" charset="0"/>
              </a:defRPr>
            </a:lvl1pPr>
          </a:lstStyle>
          <a:p>
            <a:r>
              <a:rPr lang="da-DK" dirty="0"/>
              <a:t>Klik for at tilføje citat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7901029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96DCD343-89F9-4570-95EB-5831DF1EC68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5FAA14A-D799-44F6-BC50-78859870AEC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4494A6B-8303-4ED6-9241-B9F7196EE7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593" userDrawn="1">
          <p15:clr>
            <a:srgbClr val="F26B43"/>
          </p15:clr>
        </p15:guide>
        <p15:guide id="2" orient="horz" pos="840" userDrawn="1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9CDFE7-5593-4844-AFF4-03D34090D26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1AA823D2-0D8A-453B-BF3C-D939665A39B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E219E00-9E7E-47EE-B6F1-738A6E205F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på lys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50F5E998-A737-4D56-A9C5-D9911C765940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Marker rammen for at indsætte lyst billede via Stifinder, eller marker rammen og vælg billede via Templafy-kolonnen til højre</a:t>
            </a:r>
            <a:endParaRPr lang="da-DK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50ED6A2-A1B4-4262-B247-A21BC27104FB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02718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97B6ED56-D13D-43D7-A5DF-9652F88DE99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870044 w 12193200"/>
              <a:gd name="connsiteY0" fmla="*/ 5871915 h 6861600"/>
              <a:gd name="connsiteX1" fmla="*/ 834 w 12193200"/>
              <a:gd name="connsiteY1" fmla="*/ 5970141 h 6861600"/>
              <a:gd name="connsiteX2" fmla="*/ 834 w 12193200"/>
              <a:gd name="connsiteY2" fmla="*/ 5983264 h 6861600"/>
              <a:gd name="connsiteX3" fmla="*/ 801527 w 12193200"/>
              <a:gd name="connsiteY3" fmla="*/ 5883950 h 6861600"/>
              <a:gd name="connsiteX4" fmla="*/ 1219102 w 12193200"/>
              <a:gd name="connsiteY4" fmla="*/ 5901857 h 6861600"/>
              <a:gd name="connsiteX5" fmla="*/ 2825864 w 12193200"/>
              <a:gd name="connsiteY5" fmla="*/ 6134055 h 6861600"/>
              <a:gd name="connsiteX6" fmla="*/ 3160298 w 12193200"/>
              <a:gd name="connsiteY6" fmla="*/ 6190782 h 6861600"/>
              <a:gd name="connsiteX7" fmla="*/ 4897912 w 12193200"/>
              <a:gd name="connsiteY7" fmla="*/ 6490841 h 6861600"/>
              <a:gd name="connsiteX8" fmla="*/ 4902611 w 12193200"/>
              <a:gd name="connsiteY8" fmla="*/ 6491687 h 6861600"/>
              <a:gd name="connsiteX9" fmla="*/ 7142467 w 12193200"/>
              <a:gd name="connsiteY9" fmla="*/ 6857320 h 6861600"/>
              <a:gd name="connsiteX10" fmla="*/ 7241781 w 12193200"/>
              <a:gd name="connsiteY10" fmla="*/ 6857320 h 6861600"/>
              <a:gd name="connsiteX11" fmla="*/ 4904981 w 12193200"/>
              <a:gd name="connsiteY11" fmla="*/ 6479411 h 6861600"/>
              <a:gd name="connsiteX12" fmla="*/ 3162541 w 12193200"/>
              <a:gd name="connsiteY12" fmla="*/ 6178378 h 6861600"/>
              <a:gd name="connsiteX13" fmla="*/ 2837421 w 12193200"/>
              <a:gd name="connsiteY13" fmla="*/ 6123345 h 6861600"/>
              <a:gd name="connsiteX14" fmla="*/ 2828108 w 12193200"/>
              <a:gd name="connsiteY14" fmla="*/ 6121779 h 6861600"/>
              <a:gd name="connsiteX15" fmla="*/ 1221304 w 12193200"/>
              <a:gd name="connsiteY15" fmla="*/ 5889454 h 6861600"/>
              <a:gd name="connsiteX16" fmla="*/ 870044 w 12193200"/>
              <a:gd name="connsiteY16" fmla="*/ 5871915 h 6861600"/>
              <a:gd name="connsiteX17" fmla="*/ 0 w 12193200"/>
              <a:gd name="connsiteY17" fmla="*/ 0 h 6861600"/>
              <a:gd name="connsiteX18" fmla="*/ 12193200 w 12193200"/>
              <a:gd name="connsiteY18" fmla="*/ 0 h 6861600"/>
              <a:gd name="connsiteX19" fmla="*/ 12193200 w 12193200"/>
              <a:gd name="connsiteY19" fmla="*/ 6537681 h 6861600"/>
              <a:gd name="connsiteX20" fmla="*/ 11998070 w 12193200"/>
              <a:gd name="connsiteY20" fmla="*/ 6633962 h 6861600"/>
              <a:gd name="connsiteX21" fmla="*/ 11456402 w 12193200"/>
              <a:gd name="connsiteY21" fmla="*/ 6855245 h 6861600"/>
              <a:gd name="connsiteX22" fmla="*/ 11494502 w 12193200"/>
              <a:gd name="connsiteY22" fmla="*/ 6855245 h 6861600"/>
              <a:gd name="connsiteX23" fmla="*/ 12009590 w 12193200"/>
              <a:gd name="connsiteY23" fmla="*/ 6642100 h 6861600"/>
              <a:gd name="connsiteX24" fmla="*/ 12193200 w 12193200"/>
              <a:gd name="connsiteY24" fmla="*/ 6551566 h 6861600"/>
              <a:gd name="connsiteX25" fmla="*/ 12193200 w 12193200"/>
              <a:gd name="connsiteY25" fmla="*/ 6861600 h 6861600"/>
              <a:gd name="connsiteX26" fmla="*/ 0 w 12193200"/>
              <a:gd name="connsiteY26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</a:cxnLst>
            <a:rect l="l" t="t" r="r" b="b"/>
            <a:pathLst>
              <a:path w="12193200" h="6861600">
                <a:moveTo>
                  <a:pt x="870044" y="5871915"/>
                </a:moveTo>
                <a:cubicBezTo>
                  <a:pt x="536909" y="5866747"/>
                  <a:pt x="255405" y="5898894"/>
                  <a:pt x="834" y="5970141"/>
                </a:cubicBezTo>
                <a:lnTo>
                  <a:pt x="834" y="5983264"/>
                </a:lnTo>
                <a:cubicBezTo>
                  <a:pt x="237901" y="5916420"/>
                  <a:pt x="497912" y="5883950"/>
                  <a:pt x="801527" y="5883950"/>
                </a:cubicBezTo>
                <a:cubicBezTo>
                  <a:pt x="932125" y="5883950"/>
                  <a:pt x="1070767" y="5889962"/>
                  <a:pt x="1219102" y="5901857"/>
                </a:cubicBezTo>
                <a:cubicBezTo>
                  <a:pt x="1678589" y="5938814"/>
                  <a:pt x="2210253" y="6029281"/>
                  <a:pt x="2825864" y="6134055"/>
                </a:cubicBezTo>
                <a:cubicBezTo>
                  <a:pt x="2933899" y="6152485"/>
                  <a:pt x="3045377" y="6171393"/>
                  <a:pt x="3160298" y="6190782"/>
                </a:cubicBezTo>
                <a:cubicBezTo>
                  <a:pt x="3810919" y="6300044"/>
                  <a:pt x="4388389" y="6401644"/>
                  <a:pt x="4897912" y="6490841"/>
                </a:cubicBezTo>
                <a:lnTo>
                  <a:pt x="4902611" y="6491687"/>
                </a:lnTo>
                <a:cubicBezTo>
                  <a:pt x="5811974" y="6651242"/>
                  <a:pt x="6530243" y="6777268"/>
                  <a:pt x="7142467" y="6857320"/>
                </a:cubicBezTo>
                <a:lnTo>
                  <a:pt x="7241781" y="6857320"/>
                </a:lnTo>
                <a:cubicBezTo>
                  <a:pt x="6610168" y="6778580"/>
                  <a:pt x="5856042" y="6646246"/>
                  <a:pt x="4904981" y="6479411"/>
                </a:cubicBezTo>
                <a:cubicBezTo>
                  <a:pt x="4395330" y="6389960"/>
                  <a:pt x="3817777" y="6288657"/>
                  <a:pt x="3162541" y="6178378"/>
                </a:cubicBezTo>
                <a:cubicBezTo>
                  <a:pt x="3051148" y="6159639"/>
                  <a:pt x="2942775" y="6141294"/>
                  <a:pt x="2837421" y="6123345"/>
                </a:cubicBezTo>
                <a:lnTo>
                  <a:pt x="2828108" y="6121779"/>
                </a:lnTo>
                <a:cubicBezTo>
                  <a:pt x="2212581" y="6017004"/>
                  <a:pt x="1680874" y="5926538"/>
                  <a:pt x="1221304" y="5889454"/>
                </a:cubicBezTo>
                <a:cubicBezTo>
                  <a:pt x="1097871" y="5879506"/>
                  <a:pt x="981089" y="5873637"/>
                  <a:pt x="870044" y="5871915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537681"/>
                </a:lnTo>
                <a:lnTo>
                  <a:pt x="11998070" y="6633962"/>
                </a:lnTo>
                <a:cubicBezTo>
                  <a:pt x="11806739" y="6724666"/>
                  <a:pt x="11629248" y="6797302"/>
                  <a:pt x="11456402" y="6855245"/>
                </a:cubicBezTo>
                <a:lnTo>
                  <a:pt x="11494502" y="6855245"/>
                </a:lnTo>
                <a:cubicBezTo>
                  <a:pt x="11659030" y="6798222"/>
                  <a:pt x="11828750" y="6727936"/>
                  <a:pt x="12009590" y="6642100"/>
                </a:cubicBezTo>
                <a:lnTo>
                  <a:pt x="12193200" y="6551566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144000" tIns="108000">
            <a:noAutofit/>
          </a:bodyPr>
          <a:lstStyle>
            <a:lvl1pPr marL="0" indent="0" algn="l">
              <a:buNone/>
              <a:defRPr sz="1598" b="0"/>
            </a:lvl1pPr>
          </a:lstStyle>
          <a:p>
            <a:r>
              <a:rPr lang="da-DK" dirty="0"/>
              <a:t>Marker rammen for at indsætte lyst billede via Stifinder, eller marker rammen og vælg billede via Templafy-kolonnen til højre</a:t>
            </a:r>
            <a:endParaRPr lang="da-DK"/>
          </a:p>
        </p:txBody>
      </p:sp>
      <p:sp>
        <p:nvSpPr>
          <p:cNvPr id="15" name="Logo Placeholder">
            <a:extLst>
              <a:ext uri="{FF2B5EF4-FFF2-40B4-BE49-F238E27FC236}">
                <a16:creationId xmlns:a16="http://schemas.microsoft.com/office/drawing/2014/main" id="{BBDB856C-AE7E-4C83-9F99-8B3403E1D94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94435" y="6322066"/>
            <a:ext cx="1065600" cy="3312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7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95">
                <a:solidFill>
                  <a:schemeClr val="accent1">
                    <a:lumMod val="75000"/>
                  </a:schemeClr>
                </a:solidFill>
              </a:defRPr>
            </a:lvl1pPr>
          </a:lstStyle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7" b="1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324540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844" userDrawn="1">
          <p15:clr>
            <a:srgbClr val="F26B43"/>
          </p15:clr>
        </p15:guide>
        <p15:guide id="3" orient="horz" pos="1638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Farvet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C65BE1C5-CE45-4E94-BFD0-1EDABEE3D76F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9CDFE7-5593-4844-AFF4-03D34090D26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31.3.2023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1AA823D2-0D8A-453B-BF3C-D939665A39B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E219E00-9E7E-47EE-B6F1-738A6E205F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E75B8AFD-EE2A-41AF-8D84-ED28EB2DAD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7" name="Bølge">
            <a:extLst>
              <a:ext uri="{FF2B5EF4-FFF2-40B4-BE49-F238E27FC236}">
                <a16:creationId xmlns:a16="http://schemas.microsoft.com/office/drawing/2014/main" id="{059A12B7-8E17-41A8-8409-2847EC084FBA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277861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079500" y="1484283"/>
            <a:ext cx="2772000" cy="414499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5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sz="899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899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899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805655" y="2843993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55" y="2236247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225946" y="1590113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7225945" y="3186757"/>
            <a:ext cx="496606" cy="172842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1079500" y="448715"/>
            <a:ext cx="749694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197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25945" y="2338990"/>
            <a:ext cx="475428" cy="176762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61202C2-E305-4E94-BDDD-F7316D5B8CE1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2" name="Text Box 3">
            <a:extLst>
              <a:ext uri="{FF2B5EF4-FFF2-40B4-BE49-F238E27FC236}">
                <a16:creationId xmlns:a16="http://schemas.microsoft.com/office/drawing/2014/main" id="{A78DD7B8-E0C6-4211-AF50-31D29F43B75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68056" y="1484283"/>
            <a:ext cx="2772000" cy="38442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7762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84361" rtl="0" eaLnBrk="1" fontAlgn="auto" latinLnBrk="0" hangingPunct="1">
              <a:lnSpc>
                <a:spcPct val="100000"/>
              </a:lnSpc>
              <a:spcBef>
                <a:spcPts val="898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da-DK" sz="1596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198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8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i øverste venstre hjørne for at se Templafy vinduet til højre på skærmen, hvis det ikke allerede er 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ælg billedepladsholder, ved at klikke på rammen (helt ude i kanten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 og vælg billede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øge efter billede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Aft>
                <a:spcPts val="450"/>
              </a:spcAft>
              <a:defRPr/>
            </a:pP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Aft>
                <a:spcPts val="450"/>
              </a:spcAft>
              <a:defRPr/>
            </a:pP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Aft>
                <a:spcPts val="450"/>
              </a:spcAft>
              <a:defRPr/>
            </a:pPr>
            <a:b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</p:txBody>
      </p:sp>
      <p:pic>
        <p:nvPicPr>
          <p:cNvPr id="23" name="Picture 33">
            <a:extLst>
              <a:ext uri="{FF2B5EF4-FFF2-40B4-BE49-F238E27FC236}">
                <a16:creationId xmlns:a16="http://schemas.microsoft.com/office/drawing/2014/main" id="{B5C2FDF7-C905-4456-8898-DAAB54CDDFC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901" t="45142" r="62601" b="9046"/>
          <a:stretch/>
        </p:blipFill>
        <p:spPr>
          <a:xfrm>
            <a:off x="10816212" y="3395925"/>
            <a:ext cx="341204" cy="321707"/>
          </a:xfrm>
          <a:prstGeom prst="rect">
            <a:avLst/>
          </a:prstGeom>
        </p:spPr>
      </p:pic>
      <p:pic>
        <p:nvPicPr>
          <p:cNvPr id="24" name="Billede 38">
            <a:extLst>
              <a:ext uri="{FF2B5EF4-FFF2-40B4-BE49-F238E27FC236}">
                <a16:creationId xmlns:a16="http://schemas.microsoft.com/office/drawing/2014/main" id="{7005C378-9BAE-40AD-A291-1876E6DBC74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0816212" y="4241695"/>
            <a:ext cx="366042" cy="480431"/>
          </a:xfrm>
          <a:prstGeom prst="rect">
            <a:avLst/>
          </a:prstGeom>
        </p:spPr>
      </p:pic>
      <p:pic>
        <p:nvPicPr>
          <p:cNvPr id="25" name="Billede 26">
            <a:extLst>
              <a:ext uri="{FF2B5EF4-FFF2-40B4-BE49-F238E27FC236}">
                <a16:creationId xmlns:a16="http://schemas.microsoft.com/office/drawing/2014/main" id="{B064EB3A-46DA-4C6A-B3EA-283413DE56E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16212" y="1903267"/>
            <a:ext cx="305786" cy="365851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0337AA43-A3DA-4022-9F42-142B68351A8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70259"/>
          <a:stretch/>
        </p:blipFill>
        <p:spPr>
          <a:xfrm>
            <a:off x="10722167" y="2654515"/>
            <a:ext cx="554132" cy="501345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BDAB8F97-A892-45C5-A57F-96C5AFD73F9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1011109" y="3395925"/>
            <a:ext cx="2109062" cy="2272441"/>
          </a:xfrm>
          <a:prstGeom prst="rect">
            <a:avLst/>
          </a:prstGeom>
        </p:spPr>
      </p:pic>
      <p:sp>
        <p:nvSpPr>
          <p:cNvPr id="18" name="Text Box 2">
            <a:extLst>
              <a:ext uri="{FF2B5EF4-FFF2-40B4-BE49-F238E27FC236}">
                <a16:creationId xmlns:a16="http://schemas.microsoft.com/office/drawing/2014/main" id="{B66122F8-E7F5-4EDF-A8C8-888857914A0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57451" y="1484283"/>
            <a:ext cx="2772000" cy="223334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899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da-DK"/>
          </a:p>
          <a:p>
            <a:pPr marL="0" marR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899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10AB66B8-DC0E-4339-A241-D2AFFC4E341B}"/>
              </a:ext>
            </a:extLst>
          </p:cNvPr>
          <p:cNvGrpSpPr/>
          <p:nvPr userDrawn="1"/>
        </p:nvGrpSpPr>
        <p:grpSpPr>
          <a:xfrm>
            <a:off x="4637494" y="3715983"/>
            <a:ext cx="3063879" cy="784207"/>
            <a:chOff x="4637494" y="3715983"/>
            <a:chExt cx="3063879" cy="784207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F9767CC9-59E8-479A-97F8-34F76520214B}"/>
                </a:ext>
              </a:extLst>
            </p:cNvPr>
            <p:cNvGrpSpPr/>
            <p:nvPr userDrawn="1"/>
          </p:nvGrpSpPr>
          <p:grpSpPr>
            <a:xfrm>
              <a:off x="4637494" y="3715983"/>
              <a:ext cx="3063879" cy="784207"/>
              <a:chOff x="4637494" y="3715983"/>
              <a:chExt cx="3063879" cy="784207"/>
            </a:xfrm>
          </p:grpSpPr>
          <p:pic>
            <p:nvPicPr>
              <p:cNvPr id="1026" name="Picture 2">
                <a:extLst>
                  <a:ext uri="{FF2B5EF4-FFF2-40B4-BE49-F238E27FC236}">
                    <a16:creationId xmlns:a16="http://schemas.microsoft.com/office/drawing/2014/main" id="{343EB5E2-3E17-419A-AA54-EE707DE3B894}"/>
                  </a:ext>
                </a:extLst>
              </p:cNvPr>
              <p:cNvPicPr>
                <a:picLocks noChangeAspect="1" noChangeArrowheads="1"/>
              </p:cNvPicPr>
              <p:nvPr userDrawn="1"/>
            </p:nvPicPr>
            <p:blipFill>
              <a:blip r:embed="rId12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4637494" y="3715983"/>
                <a:ext cx="3063879" cy="784207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21" name="Billede 35">
                <a:extLst>
                  <a:ext uri="{FF2B5EF4-FFF2-40B4-BE49-F238E27FC236}">
                    <a16:creationId xmlns:a16="http://schemas.microsoft.com/office/drawing/2014/main" id="{C02DE431-F381-4422-BBE6-BF10981692EF}"/>
                  </a:ext>
                </a:extLst>
              </p:cNvPr>
              <p:cNvPicPr>
                <a:picLocks noChangeAspect="1"/>
              </p:cNvPicPr>
              <p:nvPr userDrawn="1"/>
            </p:nvPicPr>
            <p:blipFill rotWithShape="1">
              <a:blip r:embed="rId5"/>
              <a:srcRect l="32343" t="24544" r="24937" b="23159"/>
              <a:stretch/>
            </p:blipFill>
            <p:spPr>
              <a:xfrm>
                <a:off x="5497619" y="4100225"/>
                <a:ext cx="210369" cy="86912"/>
              </a:xfrm>
              <a:prstGeom prst="rect">
                <a:avLst/>
              </a:prstGeom>
            </p:spPr>
          </p:pic>
        </p:grpSp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4F6D3B74-E134-4D65-9981-C30BCEB5C2AD}"/>
                </a:ext>
              </a:extLst>
            </p:cNvPr>
            <p:cNvSpPr/>
            <p:nvPr userDrawn="1"/>
          </p:nvSpPr>
          <p:spPr>
            <a:xfrm>
              <a:off x="5347640" y="3928006"/>
              <a:ext cx="455420" cy="268835"/>
            </a:xfrm>
            <a:prstGeom prst="rect">
              <a:avLst/>
            </a:prstGeom>
            <a:noFill/>
            <a:ln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1600" noProof="0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90663289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094800" y="1484285"/>
            <a:ext cx="2772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SLIDES &amp; SLIDE ELEMENTS</a:t>
            </a:r>
            <a:br>
              <a:rPr lang="da-DK" sz="1598" dirty="0">
                <a:latin typeface="+mn-lt"/>
                <a:cs typeface="Arial" panose="020B0604020202020204" pitchFamily="34" charset="0"/>
              </a:rPr>
            </a:br>
            <a:r>
              <a:rPr lang="da-DK" sz="900" b="1" dirty="0">
                <a:latin typeface="+mn-lt"/>
                <a:cs typeface="Arial" panose="020B0604020202020204" pitchFamily="34" charset="0"/>
              </a:rPr>
              <a:t>Indsæt fra Templafy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i øverste venstre hjørne for at se Templafy vinduet til højre på skærmen, hvis det ikke allerede er der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. Væl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i højre side af skærmen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arver</a:t>
            </a:r>
            <a:br>
              <a:rPr lang="da-DK" sz="1200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Da I har farveskift i jeres løsning vil de 6 grundfarver følge det farvevalg I vælger i skabelon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De 6 grundfarver har betydning for rækkefølgen af jeres grafer</a:t>
            </a:r>
            <a:endParaRPr lang="da-DK" altLang="da-DK" sz="8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097050" y="1495487"/>
            <a:ext cx="2880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5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899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15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5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899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1079500" y="448715"/>
            <a:ext cx="10569574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197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969953" y="2050541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61202C2-E305-4E94-BDDD-F7316D5B8CE1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CF192064-E87C-4329-800F-A879779F8241}"/>
              </a:ext>
            </a:extLst>
          </p:cNvPr>
          <p:cNvGrpSpPr/>
          <p:nvPr userDrawn="1"/>
        </p:nvGrpSpPr>
        <p:grpSpPr>
          <a:xfrm>
            <a:off x="6049526" y="4103819"/>
            <a:ext cx="2465910" cy="1943022"/>
            <a:chOff x="6049526" y="3608519"/>
            <a:chExt cx="2465910" cy="1943022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9FCB0F65-8A71-4DBF-8224-096F6976071C}"/>
                </a:ext>
              </a:extLst>
            </p:cNvPr>
            <p:cNvGrpSpPr/>
            <p:nvPr userDrawn="1"/>
          </p:nvGrpSpPr>
          <p:grpSpPr>
            <a:xfrm>
              <a:off x="6049526" y="3608519"/>
              <a:ext cx="1178571" cy="1943022"/>
              <a:chOff x="6049526" y="3608519"/>
              <a:chExt cx="1178571" cy="1943022"/>
            </a:xfrm>
          </p:grpSpPr>
          <p:pic>
            <p:nvPicPr>
              <p:cNvPr id="3" name="Picture 2">
                <a:extLst>
                  <a:ext uri="{FF2B5EF4-FFF2-40B4-BE49-F238E27FC236}">
                    <a16:creationId xmlns:a16="http://schemas.microsoft.com/office/drawing/2014/main" id="{D4CFE4E1-0D0A-4FD3-93AF-4C669764E86B}"/>
                  </a:ext>
                </a:extLst>
              </p:cNvPr>
              <p:cNvPicPr>
                <a:picLocks noChangeAspect="1"/>
              </p:cNvPicPr>
              <p:nvPr userDrawn="1"/>
            </p:nvPicPr>
            <p:blipFill>
              <a:blip r:embed="rId3"/>
              <a:stretch>
                <a:fillRect/>
              </a:stretch>
            </p:blipFill>
            <p:spPr>
              <a:xfrm>
                <a:off x="6094799" y="3608519"/>
                <a:ext cx="1090600" cy="1943022"/>
              </a:xfrm>
              <a:prstGeom prst="rect">
                <a:avLst/>
              </a:prstGeom>
            </p:spPr>
          </p:pic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974D60C5-A814-4579-BD77-FC26CD844ED0}"/>
                  </a:ext>
                </a:extLst>
              </p:cNvPr>
              <p:cNvSpPr/>
              <p:nvPr userDrawn="1"/>
            </p:nvSpPr>
            <p:spPr>
              <a:xfrm>
                <a:off x="6528486" y="3792870"/>
                <a:ext cx="683135" cy="116707"/>
              </a:xfrm>
              <a:prstGeom prst="rect">
                <a:avLst/>
              </a:prstGeom>
              <a:noFill/>
              <a:ln w="19050">
                <a:solidFill>
                  <a:srgbClr val="FF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72000" rIns="72000" bIns="72000" rtlCol="0" anchor="ctr"/>
              <a:lstStyle/>
              <a:p>
                <a:pPr algn="ctr"/>
                <a:endParaRPr lang="da-DK" sz="1794" dirty="0" err="1"/>
              </a:p>
            </p:txBody>
          </p:sp>
          <p:cxnSp>
            <p:nvCxnSpPr>
              <p:cNvPr id="45" name="Straight Connector 44">
                <a:extLst>
                  <a:ext uri="{FF2B5EF4-FFF2-40B4-BE49-F238E27FC236}">
                    <a16:creationId xmlns:a16="http://schemas.microsoft.com/office/drawing/2014/main" id="{E25566B8-0E35-4DDF-B448-63026AD6A03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6058803" y="4635880"/>
                <a:ext cx="1169294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6" name="Straight Connector 45">
                <a:extLst>
                  <a:ext uri="{FF2B5EF4-FFF2-40B4-BE49-F238E27FC236}">
                    <a16:creationId xmlns:a16="http://schemas.microsoft.com/office/drawing/2014/main" id="{F23FC828-F774-4024-AAC3-B09EB3B330BC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6056229" y="4635880"/>
                <a:ext cx="1171867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2" name="Straight Connector 41">
                <a:extLst>
                  <a:ext uri="{FF2B5EF4-FFF2-40B4-BE49-F238E27FC236}">
                    <a16:creationId xmlns:a16="http://schemas.microsoft.com/office/drawing/2014/main" id="{0A87D391-BBBE-417A-A146-F40CFB921E38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6052100" y="5021279"/>
                <a:ext cx="1169294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753AD98C-1092-43EB-A70F-53AFF5DDDC6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6049526" y="5021279"/>
                <a:ext cx="1171867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48" name="Rectangle 47">
                <a:extLst>
                  <a:ext uri="{FF2B5EF4-FFF2-40B4-BE49-F238E27FC236}">
                    <a16:creationId xmlns:a16="http://schemas.microsoft.com/office/drawing/2014/main" id="{BE4260DE-9330-4BFC-8E01-DC8081F9574E}"/>
                  </a:ext>
                </a:extLst>
              </p:cNvPr>
              <p:cNvSpPr/>
              <p:nvPr userDrawn="1"/>
            </p:nvSpPr>
            <p:spPr>
              <a:xfrm>
                <a:off x="6094798" y="3941294"/>
                <a:ext cx="1090600" cy="453648"/>
              </a:xfrm>
              <a:prstGeom prst="rect">
                <a:avLst/>
              </a:prstGeom>
              <a:noFill/>
              <a:ln w="19050">
                <a:solidFill>
                  <a:srgbClr val="FF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72000" rIns="72000" bIns="72000" rtlCol="0" anchor="ctr"/>
              <a:lstStyle/>
              <a:p>
                <a:pPr algn="ctr"/>
                <a:endParaRPr lang="da-DK" sz="1794" dirty="0" err="1"/>
              </a:p>
            </p:txBody>
          </p:sp>
        </p:grp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F04030C8-84A6-430D-B2D1-6BCCE2A1D76E}"/>
                </a:ext>
              </a:extLst>
            </p:cNvPr>
            <p:cNvSpPr txBox="1"/>
            <p:nvPr userDrawn="1"/>
          </p:nvSpPr>
          <p:spPr>
            <a:xfrm>
              <a:off x="7353901" y="3781973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De 6 </a:t>
              </a:r>
              <a:r>
                <a:rPr lang="da-DK" altLang="da-DK" sz="900" b="0" kern="1200" noProof="1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grundfarver</a:t>
              </a:r>
              <a:endParaRPr lang="da-DK" sz="900" b="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BBE5008D-A260-42EA-B426-F91963502337}"/>
                </a:ext>
              </a:extLst>
            </p:cNvPr>
            <p:cNvSpPr txBox="1"/>
            <p:nvPr userDrawn="1"/>
          </p:nvSpPr>
          <p:spPr>
            <a:xfrm>
              <a:off x="7353901" y="4098868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Toninger</a:t>
              </a:r>
              <a:endParaRPr lang="da-DK"/>
            </a:p>
          </p:txBody>
        </p:sp>
        <p:sp>
          <p:nvSpPr>
            <p:cNvPr id="50" name="TextBox 49">
              <a:extLst>
                <a:ext uri="{FF2B5EF4-FFF2-40B4-BE49-F238E27FC236}">
                  <a16:creationId xmlns:a16="http://schemas.microsoft.com/office/drawing/2014/main" id="{523E4EF6-C405-4652-8362-B9DAD210284F}"/>
                </a:ext>
              </a:extLst>
            </p:cNvPr>
            <p:cNvSpPr txBox="1"/>
            <p:nvPr userDrawn="1"/>
          </p:nvSpPr>
          <p:spPr>
            <a:xfrm>
              <a:off x="7353901" y="4610025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MS Office, brug dem ikke</a:t>
              </a:r>
              <a:endParaRPr lang="da-DK"/>
            </a:p>
          </p:txBody>
        </p:sp>
        <p:sp>
          <p:nvSpPr>
            <p:cNvPr id="51" name="TextBox 50">
              <a:extLst>
                <a:ext uri="{FF2B5EF4-FFF2-40B4-BE49-F238E27FC236}">
                  <a16:creationId xmlns:a16="http://schemas.microsoft.com/office/drawing/2014/main" id="{D0BA8FD4-911C-4CC3-8715-1F012DCFD07A}"/>
                </a:ext>
              </a:extLst>
            </p:cNvPr>
            <p:cNvSpPr txBox="1"/>
            <p:nvPr userDrawn="1"/>
          </p:nvSpPr>
          <p:spPr>
            <a:xfrm>
              <a:off x="7353901" y="5021279"/>
              <a:ext cx="1161535" cy="4154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Farver som oprettes hvis du bruger forkerte farver, brug dem ikke</a:t>
              </a:r>
              <a:endParaRPr lang="da-DK"/>
            </a:p>
          </p:txBody>
        </p:sp>
      </p:grpSp>
      <p:pic>
        <p:nvPicPr>
          <p:cNvPr id="21" name="Billede 26">
            <a:extLst>
              <a:ext uri="{FF2B5EF4-FFF2-40B4-BE49-F238E27FC236}">
                <a16:creationId xmlns:a16="http://schemas.microsoft.com/office/drawing/2014/main" id="{C68F49D8-1A06-4B57-A96B-5568FF484C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866800" y="1867615"/>
            <a:ext cx="305786" cy="365851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CF2D39CC-1381-4916-8CB8-49E87D7E1CE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r="32561"/>
          <a:stretch/>
        </p:blipFill>
        <p:spPr>
          <a:xfrm>
            <a:off x="8759777" y="2359498"/>
            <a:ext cx="1256529" cy="5013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670627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1925" tIns="71925" rIns="71925" bIns="71925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599"/>
              </a:spcBef>
              <a:buClr>
                <a:srgbClr val="003755"/>
              </a:buClr>
            </a:pPr>
            <a:endParaRPr lang="da-DK" sz="1399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4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9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396" b="0" noProof="0" dirty="0">
                <a:solidFill>
                  <a:schemeClr val="bg1"/>
                </a:solidFill>
              </a:rPr>
              <a:t>Hvis du ser andre </a:t>
            </a:r>
            <a:r>
              <a:rPr lang="da-DK" sz="4396" b="1" i="1" noProof="0" dirty="0">
                <a:solidFill>
                  <a:schemeClr val="bg1"/>
                </a:solidFill>
              </a:rPr>
              <a:t>layouts efter dette,</a:t>
            </a:r>
            <a:br>
              <a:rPr lang="da-DK" sz="4396" b="0" i="0" noProof="0" dirty="0">
                <a:solidFill>
                  <a:schemeClr val="bg1"/>
                </a:solidFill>
              </a:rPr>
            </a:br>
            <a:r>
              <a:rPr lang="da-DK" sz="4396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396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396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396" b="0" i="0" u="none" noProof="1">
                <a:solidFill>
                  <a:schemeClr val="bg1"/>
                </a:solidFill>
              </a:rPr>
              <a:t>corporate</a:t>
            </a:r>
            <a:r>
              <a:rPr lang="da-DK" sz="4396" b="0" noProof="0" dirty="0">
                <a:solidFill>
                  <a:schemeClr val="bg1"/>
                </a:solidFill>
              </a:rPr>
              <a:t>skabelon.</a:t>
            </a:r>
            <a:br>
              <a:rPr lang="da-DK" sz="2797" b="0" noProof="0" dirty="0">
                <a:solidFill>
                  <a:schemeClr val="bg1"/>
                </a:solidFill>
              </a:rPr>
            </a:br>
            <a:br>
              <a:rPr lang="da-DK" sz="2797" b="0" noProof="0" dirty="0">
                <a:solidFill>
                  <a:schemeClr val="bg1"/>
                </a:solidFill>
              </a:rPr>
            </a:br>
            <a:endParaRPr lang="da-DK" sz="2797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9"/>
                </a:spcBef>
                <a:buClr>
                  <a:srgbClr val="003755"/>
                </a:buClr>
              </a:pPr>
              <a:endParaRPr lang="da-DK" sz="1399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9"/>
                </a:spcBef>
                <a:buClr>
                  <a:srgbClr val="003755"/>
                </a:buClr>
              </a:pPr>
              <a:endParaRPr lang="da-DK" sz="1399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9990" b="1" i="1" noProof="0" dirty="0">
                <a:solidFill>
                  <a:schemeClr val="bg1"/>
                </a:solidFill>
              </a:rPr>
              <a:t>Brug dem ikke </a:t>
            </a:r>
            <a:endParaRPr lang="da-DK" sz="999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9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998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599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998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798" b="0" noProof="0" dirty="0">
                <a:solidFill>
                  <a:schemeClr val="bg1"/>
                </a:solidFill>
              </a:rPr>
            </a:br>
            <a:endParaRPr lang="da-DK" sz="1798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39079EF-3077-4E30-84FC-B54C77AB074B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på mørk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0E86C3DA-F7E5-41F7-BF91-303D41DC5A2E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Marker rammen for at indsætte mørkt billede via Stifinder, eller marker rammen og vælg billede via Templafy-kolonnen til højre</a:t>
            </a:r>
            <a:endParaRPr lang="da-DK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50ED6A2-A1B4-4262-B247-A21BC27104FB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4799258-2BB1-4E5D-AA12-2311D752BAC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870044 w 12193200"/>
              <a:gd name="connsiteY0" fmla="*/ 5871915 h 6861600"/>
              <a:gd name="connsiteX1" fmla="*/ 834 w 12193200"/>
              <a:gd name="connsiteY1" fmla="*/ 5970141 h 6861600"/>
              <a:gd name="connsiteX2" fmla="*/ 834 w 12193200"/>
              <a:gd name="connsiteY2" fmla="*/ 5983264 h 6861600"/>
              <a:gd name="connsiteX3" fmla="*/ 801527 w 12193200"/>
              <a:gd name="connsiteY3" fmla="*/ 5883950 h 6861600"/>
              <a:gd name="connsiteX4" fmla="*/ 1219102 w 12193200"/>
              <a:gd name="connsiteY4" fmla="*/ 5901857 h 6861600"/>
              <a:gd name="connsiteX5" fmla="*/ 2825864 w 12193200"/>
              <a:gd name="connsiteY5" fmla="*/ 6134055 h 6861600"/>
              <a:gd name="connsiteX6" fmla="*/ 3160298 w 12193200"/>
              <a:gd name="connsiteY6" fmla="*/ 6190782 h 6861600"/>
              <a:gd name="connsiteX7" fmla="*/ 4897912 w 12193200"/>
              <a:gd name="connsiteY7" fmla="*/ 6490841 h 6861600"/>
              <a:gd name="connsiteX8" fmla="*/ 4902611 w 12193200"/>
              <a:gd name="connsiteY8" fmla="*/ 6491687 h 6861600"/>
              <a:gd name="connsiteX9" fmla="*/ 7142467 w 12193200"/>
              <a:gd name="connsiteY9" fmla="*/ 6857320 h 6861600"/>
              <a:gd name="connsiteX10" fmla="*/ 7241781 w 12193200"/>
              <a:gd name="connsiteY10" fmla="*/ 6857320 h 6861600"/>
              <a:gd name="connsiteX11" fmla="*/ 4904981 w 12193200"/>
              <a:gd name="connsiteY11" fmla="*/ 6479411 h 6861600"/>
              <a:gd name="connsiteX12" fmla="*/ 3162541 w 12193200"/>
              <a:gd name="connsiteY12" fmla="*/ 6178378 h 6861600"/>
              <a:gd name="connsiteX13" fmla="*/ 2837421 w 12193200"/>
              <a:gd name="connsiteY13" fmla="*/ 6123345 h 6861600"/>
              <a:gd name="connsiteX14" fmla="*/ 2828108 w 12193200"/>
              <a:gd name="connsiteY14" fmla="*/ 6121779 h 6861600"/>
              <a:gd name="connsiteX15" fmla="*/ 1221304 w 12193200"/>
              <a:gd name="connsiteY15" fmla="*/ 5889454 h 6861600"/>
              <a:gd name="connsiteX16" fmla="*/ 870044 w 12193200"/>
              <a:gd name="connsiteY16" fmla="*/ 5871915 h 6861600"/>
              <a:gd name="connsiteX17" fmla="*/ 0 w 12193200"/>
              <a:gd name="connsiteY17" fmla="*/ 0 h 6861600"/>
              <a:gd name="connsiteX18" fmla="*/ 12193200 w 12193200"/>
              <a:gd name="connsiteY18" fmla="*/ 0 h 6861600"/>
              <a:gd name="connsiteX19" fmla="*/ 12193200 w 12193200"/>
              <a:gd name="connsiteY19" fmla="*/ 6537681 h 6861600"/>
              <a:gd name="connsiteX20" fmla="*/ 11998070 w 12193200"/>
              <a:gd name="connsiteY20" fmla="*/ 6633962 h 6861600"/>
              <a:gd name="connsiteX21" fmla="*/ 11456402 w 12193200"/>
              <a:gd name="connsiteY21" fmla="*/ 6855245 h 6861600"/>
              <a:gd name="connsiteX22" fmla="*/ 11494502 w 12193200"/>
              <a:gd name="connsiteY22" fmla="*/ 6855245 h 6861600"/>
              <a:gd name="connsiteX23" fmla="*/ 12009590 w 12193200"/>
              <a:gd name="connsiteY23" fmla="*/ 6642100 h 6861600"/>
              <a:gd name="connsiteX24" fmla="*/ 12193200 w 12193200"/>
              <a:gd name="connsiteY24" fmla="*/ 6551566 h 6861600"/>
              <a:gd name="connsiteX25" fmla="*/ 12193200 w 12193200"/>
              <a:gd name="connsiteY25" fmla="*/ 6861600 h 6861600"/>
              <a:gd name="connsiteX26" fmla="*/ 0 w 12193200"/>
              <a:gd name="connsiteY26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</a:cxnLst>
            <a:rect l="l" t="t" r="r" b="b"/>
            <a:pathLst>
              <a:path w="12193200" h="6861600">
                <a:moveTo>
                  <a:pt x="870044" y="5871915"/>
                </a:moveTo>
                <a:cubicBezTo>
                  <a:pt x="536909" y="5866747"/>
                  <a:pt x="255405" y="5898894"/>
                  <a:pt x="834" y="5970141"/>
                </a:cubicBezTo>
                <a:lnTo>
                  <a:pt x="834" y="5983264"/>
                </a:lnTo>
                <a:cubicBezTo>
                  <a:pt x="237901" y="5916420"/>
                  <a:pt x="497912" y="5883950"/>
                  <a:pt x="801527" y="5883950"/>
                </a:cubicBezTo>
                <a:cubicBezTo>
                  <a:pt x="932125" y="5883950"/>
                  <a:pt x="1070767" y="5889962"/>
                  <a:pt x="1219102" y="5901857"/>
                </a:cubicBezTo>
                <a:cubicBezTo>
                  <a:pt x="1678589" y="5938814"/>
                  <a:pt x="2210253" y="6029281"/>
                  <a:pt x="2825864" y="6134055"/>
                </a:cubicBezTo>
                <a:cubicBezTo>
                  <a:pt x="2933899" y="6152485"/>
                  <a:pt x="3045377" y="6171393"/>
                  <a:pt x="3160298" y="6190782"/>
                </a:cubicBezTo>
                <a:cubicBezTo>
                  <a:pt x="3810919" y="6300044"/>
                  <a:pt x="4388389" y="6401644"/>
                  <a:pt x="4897912" y="6490841"/>
                </a:cubicBezTo>
                <a:lnTo>
                  <a:pt x="4902611" y="6491687"/>
                </a:lnTo>
                <a:cubicBezTo>
                  <a:pt x="5811974" y="6651242"/>
                  <a:pt x="6530243" y="6777268"/>
                  <a:pt x="7142467" y="6857320"/>
                </a:cubicBezTo>
                <a:lnTo>
                  <a:pt x="7241781" y="6857320"/>
                </a:lnTo>
                <a:cubicBezTo>
                  <a:pt x="6610168" y="6778580"/>
                  <a:pt x="5856042" y="6646246"/>
                  <a:pt x="4904981" y="6479411"/>
                </a:cubicBezTo>
                <a:cubicBezTo>
                  <a:pt x="4395330" y="6389960"/>
                  <a:pt x="3817777" y="6288657"/>
                  <a:pt x="3162541" y="6178378"/>
                </a:cubicBezTo>
                <a:cubicBezTo>
                  <a:pt x="3051148" y="6159639"/>
                  <a:pt x="2942775" y="6141294"/>
                  <a:pt x="2837421" y="6123345"/>
                </a:cubicBezTo>
                <a:lnTo>
                  <a:pt x="2828108" y="6121779"/>
                </a:lnTo>
                <a:cubicBezTo>
                  <a:pt x="2212581" y="6017004"/>
                  <a:pt x="1680874" y="5926538"/>
                  <a:pt x="1221304" y="5889454"/>
                </a:cubicBezTo>
                <a:cubicBezTo>
                  <a:pt x="1097871" y="5879506"/>
                  <a:pt x="981089" y="5873637"/>
                  <a:pt x="870044" y="5871915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537681"/>
                </a:lnTo>
                <a:lnTo>
                  <a:pt x="11998070" y="6633962"/>
                </a:lnTo>
                <a:cubicBezTo>
                  <a:pt x="11806739" y="6724666"/>
                  <a:pt x="11629248" y="6797302"/>
                  <a:pt x="11456402" y="6855245"/>
                </a:cubicBezTo>
                <a:lnTo>
                  <a:pt x="11494502" y="6855245"/>
                </a:lnTo>
                <a:cubicBezTo>
                  <a:pt x="11659030" y="6798222"/>
                  <a:pt x="11828750" y="6727936"/>
                  <a:pt x="12009590" y="6642100"/>
                </a:cubicBezTo>
                <a:lnTo>
                  <a:pt x="12193200" y="6551566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144000" tIns="108000">
            <a:noAutofit/>
          </a:bodyPr>
          <a:lstStyle>
            <a:lvl1pPr marL="0" indent="0" algn="l">
              <a:buNone/>
              <a:defRPr sz="1598" b="0"/>
            </a:lvl1pPr>
          </a:lstStyle>
          <a:p>
            <a:r>
              <a:rPr lang="da-DK" dirty="0"/>
              <a:t>Marker rammen for at indsætte mørkt billede via Stifinder, eller marker rammen og vælg billede via Templafy-kolonnen til højre</a:t>
            </a:r>
            <a:endParaRPr lang="da-DK"/>
          </a:p>
        </p:txBody>
      </p:sp>
      <p:sp>
        <p:nvSpPr>
          <p:cNvPr id="15" name="Logo Placeholder">
            <a:extLst>
              <a:ext uri="{FF2B5EF4-FFF2-40B4-BE49-F238E27FC236}">
                <a16:creationId xmlns:a16="http://schemas.microsoft.com/office/drawing/2014/main" id="{BBDB856C-AE7E-4C83-9F99-8B3403E1D94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94435" y="6322066"/>
            <a:ext cx="1065600" cy="3312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7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95">
                <a:solidFill>
                  <a:schemeClr val="accent1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007067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844" userDrawn="1">
          <p15:clr>
            <a:srgbClr val="F26B43"/>
          </p15:clr>
        </p15:guide>
        <p15:guide id="3" orient="horz" pos="1638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840932BE-DDFC-4972-85A7-C427ACEB26D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ABC8CE2-3FE9-49DF-A5FE-682AACBA7F30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CDE982F8-DB66-4D32-95A2-375163C347B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9936A8CC-0D3C-4064-8E29-0B36B3DADA8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E54FBC1D-FD19-495F-88E4-3EE50DBBBE49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934988320" name="bylinje dynamik" descr="{&quot;templafy&quot;:{&quot;id&quot;:&quot;d55ace99-52da-46d2-9f15-4225df93da3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058000"/>
            <a:ext cx="12193200" cy="1803108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7F65F358-3D0B-4C30-94C6-9BC8E1B3EA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2" y="665049"/>
            <a:ext cx="3444865" cy="1967143"/>
          </a:xfrm>
        </p:spPr>
        <p:txBody>
          <a:bodyPr bIns="72000" anchor="b" anchorCtr="0"/>
          <a:lstStyle>
            <a:lvl1pPr>
              <a:lnSpc>
                <a:spcPct val="9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 overskrift</a:t>
            </a:r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80000" y="2817045"/>
            <a:ext cx="3444866" cy="2093962"/>
          </a:xfrm>
        </p:spPr>
        <p:txBody>
          <a:bodyPr/>
          <a:lstStyle>
            <a:lvl1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1pPr>
            <a:lvl2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2pPr>
            <a:lvl3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3pPr>
            <a:lvl4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i="0" baseline="0">
                <a:solidFill>
                  <a:schemeClr val="bg1"/>
                </a:solidFill>
              </a:defRPr>
            </a:lvl4pPr>
            <a:lvl5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5pPr>
            <a:lvl6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6pPr>
            <a:lvl7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7pPr>
            <a:lvl8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defRPr sz="2400" b="0" baseline="0">
                <a:solidFill>
                  <a:schemeClr val="bg1"/>
                </a:solidFill>
              </a:defRPr>
            </a:lvl8pPr>
            <a:lvl9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defRPr sz="2400" b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02 niv</a:t>
            </a:r>
            <a:endParaRPr lang="da-DK"/>
          </a:p>
          <a:p>
            <a:pPr lvl="2"/>
            <a:r>
              <a:rPr lang="da-DK" dirty="0"/>
              <a:t>03 niv</a:t>
            </a:r>
            <a:endParaRPr lang="da-DK"/>
          </a:p>
          <a:p>
            <a:pPr lvl="3"/>
            <a:r>
              <a:rPr lang="da-DK" dirty="0"/>
              <a:t>04 niv</a:t>
            </a:r>
            <a:endParaRPr lang="da-DK"/>
          </a:p>
          <a:p>
            <a:pPr lvl="4"/>
            <a:r>
              <a:rPr lang="da-DK" dirty="0"/>
              <a:t>05 niv</a:t>
            </a:r>
            <a:endParaRPr lang="da-DK"/>
          </a:p>
          <a:p>
            <a:pPr lvl="5"/>
            <a:r>
              <a:rPr lang="da-DK" dirty="0"/>
              <a:t>06 niv</a:t>
            </a:r>
            <a:endParaRPr lang="da-DK"/>
          </a:p>
          <a:p>
            <a:pPr lvl="6"/>
            <a:r>
              <a:rPr lang="da-DK" dirty="0"/>
              <a:t>07 niv</a:t>
            </a:r>
            <a:endParaRPr lang="da-DK"/>
          </a:p>
          <a:p>
            <a:pPr lvl="7"/>
            <a:r>
              <a:rPr lang="da-DK" dirty="0"/>
              <a:t>08 niv</a:t>
            </a:r>
            <a:endParaRPr lang="da-DK"/>
          </a:p>
          <a:p>
            <a:pPr lvl="8"/>
            <a:r>
              <a:rPr lang="da-DK" dirty="0"/>
              <a:t>09 niv</a:t>
            </a:r>
            <a:endParaRPr lang="da-DK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656439" y="1226371"/>
            <a:ext cx="4454475" cy="3987688"/>
          </a:xfrm>
        </p:spPr>
        <p:txBody>
          <a:bodyPr/>
          <a:lstStyle>
            <a:lvl1pPr marL="251748" indent="-251748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+mj-lt"/>
              <a:buAutoNum type="arabicPeriod"/>
              <a:defRPr sz="14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 i="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punkt</a:t>
            </a:r>
            <a:endParaRPr lang="da-DK"/>
          </a:p>
          <a:p>
            <a:pPr lvl="1"/>
            <a:r>
              <a:rPr lang="da-DK" noProof="0" dirty="0"/>
              <a:t>2 Niveau</a:t>
            </a:r>
            <a:endParaRPr lang="da-DK"/>
          </a:p>
          <a:p>
            <a:pPr lvl="2"/>
            <a:r>
              <a:rPr lang="da-DK" noProof="0" dirty="0"/>
              <a:t>3 Niveau</a:t>
            </a:r>
            <a:endParaRPr lang="da-DK"/>
          </a:p>
          <a:p>
            <a:pPr lvl="3"/>
            <a:r>
              <a:rPr lang="da-DK" noProof="0" dirty="0"/>
              <a:t>4 Niveau</a:t>
            </a:r>
            <a:endParaRPr lang="da-DK"/>
          </a:p>
          <a:p>
            <a:pPr lvl="4"/>
            <a:r>
              <a:rPr lang="da-DK" noProof="0" dirty="0"/>
              <a:t>5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630307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3" userDrawn="1">
          <p15:clr>
            <a:srgbClr val="F26B43"/>
          </p15:clr>
        </p15:guide>
        <p15:guide id="2" pos="2852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5A91C345-5BF5-45F9-9997-3566FC42319C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En breaker er god til at skabe ophold i din præsentation. Du kan fremhæve en del af teksten ved at ændre det til en mørk farve, som passer til baggrunden</a:t>
            </a:r>
            <a:endParaRPr lang="da-DK"/>
          </a:p>
        </p:txBody>
      </p:sp>
      <p:sp>
        <p:nvSpPr>
          <p:cNvPr id="7" name="Background"/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0" name="Bølge">
            <a:extLst>
              <a:ext uri="{FF2B5EF4-FFF2-40B4-BE49-F238E27FC236}">
                <a16:creationId xmlns:a16="http://schemas.microsoft.com/office/drawing/2014/main" id="{72D65362-70C1-477D-BF20-2EAFE8A4D8DF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79500" y="1436994"/>
            <a:ext cx="7560000" cy="4192281"/>
          </a:xfrm>
        </p:spPr>
        <p:txBody>
          <a:bodyPr anchor="t" anchorCtr="0"/>
          <a:lstStyle>
            <a:lvl1pPr algn="l">
              <a:defRPr sz="3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titel </a:t>
            </a:r>
            <a:br>
              <a:rPr lang="da-DK" dirty="0"/>
            </a:b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E1B5F5-9A57-4240-BBE9-B680436A2E0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CB6D23E-AC17-40E0-9F61-8C9B0F1FED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2AEF3E-8EA4-4289-82FA-47EB77D3CB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4" userDrawn="1">
          <p15:clr>
            <a:srgbClr val="F26B43"/>
          </p15:clr>
        </p15:guide>
        <p15:guide id="2" pos="5443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og 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Box 14">
            <a:extLst>
              <a:ext uri="{FF2B5EF4-FFF2-40B4-BE49-F238E27FC236}">
                <a16:creationId xmlns:a16="http://schemas.microsoft.com/office/drawing/2014/main" id="{2FFFF75C-6703-45BD-9121-342A091D9D31}"/>
              </a:ext>
            </a:extLst>
          </p:cNvPr>
          <p:cNvSpPr txBox="1"/>
          <p:nvPr userDrawn="1"/>
        </p:nvSpPr>
        <p:spPr>
          <a:xfrm>
            <a:off x="6715125" y="-422507"/>
            <a:ext cx="5438260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r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6EDC70F-79D4-4C82-89A9-B305EECBEA0A}"/>
              </a:ext>
            </a:extLst>
          </p:cNvPr>
          <p:cNvSpPr txBox="1"/>
          <p:nvPr userDrawn="1"/>
        </p:nvSpPr>
        <p:spPr>
          <a:xfrm>
            <a:off x="19664" y="6905190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En breaker er god til at skabe ophold i din præsentation. Du kan fremhæve en del af teksten ved at ændre det til en mørk farve, som passer til baggrunden</a:t>
            </a:r>
            <a:endParaRPr lang="da-DK"/>
          </a:p>
        </p:txBody>
      </p:sp>
      <p:sp>
        <p:nvSpPr>
          <p:cNvPr id="7" name="Background"/>
          <p:cNvSpPr/>
          <p:nvPr userDrawn="1"/>
        </p:nvSpPr>
        <p:spPr bwMode="black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1" name="Bølge">
            <a:extLst>
              <a:ext uri="{FF2B5EF4-FFF2-40B4-BE49-F238E27FC236}">
                <a16:creationId xmlns:a16="http://schemas.microsoft.com/office/drawing/2014/main" id="{E29F4B4E-5628-4578-B7FC-EC53CCE3F37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0" name="Picture Placeholder 15">
            <a:extLst>
              <a:ext uri="{FF2B5EF4-FFF2-40B4-BE49-F238E27FC236}">
                <a16:creationId xmlns:a16="http://schemas.microsoft.com/office/drawing/2014/main" id="{ED6FEF3C-882F-49A4-8D99-2EFF11D53F2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717384" y="0"/>
            <a:ext cx="5474615" cy="5957535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360000" tIns="1116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79500" y="1436994"/>
            <a:ext cx="5161044" cy="4192281"/>
          </a:xfrm>
        </p:spPr>
        <p:txBody>
          <a:bodyPr anchor="t" anchorCtr="0"/>
          <a:lstStyle>
            <a:lvl1pPr algn="l">
              <a:defRPr sz="3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titel </a:t>
            </a:r>
            <a:br>
              <a:rPr lang="da-DK" dirty="0"/>
            </a:b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E1B5F5-9A57-4240-BBE9-B680436A2E0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CB6D23E-AC17-40E0-9F61-8C9B0F1FED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2AEF3E-8EA4-4289-82FA-47EB77D3CB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657336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3931" userDrawn="1">
          <p15:clr>
            <a:srgbClr val="F26B43"/>
          </p15:clr>
        </p15:guide>
        <p15:guide id="3" pos="4230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2 linjer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Box 7">
            <a:extLst>
              <a:ext uri="{FF2B5EF4-FFF2-40B4-BE49-F238E27FC236}">
                <a16:creationId xmlns:a16="http://schemas.microsoft.com/office/drawing/2014/main" id="{82E3E3C3-9103-45B1-9615-9BC1772A8C51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841340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845" userDrawn="1">
          <p15:clr>
            <a:srgbClr val="F26B43"/>
          </p15:clr>
        </p15:guide>
        <p15:guide id="2" orient="horz" pos="159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2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82EB2015-2665-4BA3-B33D-8EE361DD7975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766798"/>
            <a:ext cx="4781259" cy="1296000"/>
          </a:xfrm>
        </p:spPr>
        <p:txBody>
          <a:bodyPr anchor="t" anchorCtr="0"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0" y="2149302"/>
            <a:ext cx="4781260" cy="3480781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0D76E3AD-508F-4499-A1AA-7DE5F63BA2A7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6330741" y="766800"/>
            <a:ext cx="4781260" cy="4863283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854330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2" userDrawn="1">
          <p15:clr>
            <a:srgbClr val="F26B43"/>
          </p15:clr>
        </p15:guide>
        <p15:guide id="2" pos="3695" userDrawn="1">
          <p15:clr>
            <a:srgbClr val="F26B43"/>
          </p15:clr>
        </p15:guide>
        <p15:guide id="3" pos="3985" userDrawn="1">
          <p15:clr>
            <a:srgbClr val="F26B43"/>
          </p15:clr>
        </p15:guide>
        <p15:guide id="4" orient="horz" pos="480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dia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C1AFC643-4257-4D6F-A2ED-1935528D6D85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356DE911-799F-462A-B482-971AA833F246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116DDE29-0C61-4E56-A800-46D06466A7C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5802C6EB-F134-489A-9E4D-BBDBEB49ED7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Background">
            <a:extLst>
              <a:ext uri="{FF2B5EF4-FFF2-40B4-BE49-F238E27FC236}">
                <a16:creationId xmlns:a16="http://schemas.microsoft.com/office/drawing/2014/main" id="{CCA7EC2E-46CC-4157-AA02-1FE3E73AD322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97C4CFF1-174A-4E42-809D-EBD5D6D402B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194435" y="6322068"/>
            <a:ext cx="1063844" cy="33170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1337187"/>
            <a:ext cx="8441071" cy="1189703"/>
          </a:xfrm>
        </p:spPr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5" name="Chart Placeholder 4">
            <a:extLst>
              <a:ext uri="{FF2B5EF4-FFF2-40B4-BE49-F238E27FC236}">
                <a16:creationId xmlns:a16="http://schemas.microsoft.com/office/drawing/2014/main" id="{2F4B99A4-B10B-43EA-AE87-4057583F1B26}"/>
              </a:ext>
            </a:extLst>
          </p:cNvPr>
          <p:cNvSpPr>
            <a:spLocks noGrp="1"/>
          </p:cNvSpPr>
          <p:nvPr>
            <p:ph type="chart" sz="quarter" idx="20" hasCustomPrompt="1"/>
          </p:nvPr>
        </p:nvSpPr>
        <p:spPr>
          <a:xfrm>
            <a:off x="1079500" y="2930525"/>
            <a:ext cx="8442325" cy="3925888"/>
          </a:xfrm>
        </p:spPr>
        <p:txBody>
          <a:bodyPr tIns="648000" anchor="ctr" anchorCtr="0"/>
          <a:lstStyle>
            <a:lvl1pPr marL="0" indent="0" algn="ctr">
              <a:buNone/>
              <a:defRPr sz="1800" b="0"/>
            </a:lvl1pPr>
          </a:lstStyle>
          <a:p>
            <a:r>
              <a:rPr lang="da-DK" noProof="0" dirty="0"/>
              <a:t>Klik for at tilføje diagram</a:t>
            </a:r>
            <a:endParaRPr lang="da-DK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4E067B26-E029-42C7-A05A-000DD9884D3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194925" y="1587657"/>
            <a:ext cx="1333500" cy="2214563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 i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555427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845" userDrawn="1">
          <p15:clr>
            <a:srgbClr val="F26B43"/>
          </p15:clr>
        </p15:guide>
        <p15:guide id="2" orient="horz" pos="1592" userDrawn="1">
          <p15:clr>
            <a:srgbClr val="F26B43"/>
          </p15:clr>
        </p15:guide>
        <p15:guide id="3" pos="5999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image" Target="../media/image2.svg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image" Target="../media/image4.sv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image" Target="../media/image3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ølge">
            <a:extLst>
              <a:ext uri="{FF2B5EF4-FFF2-40B4-BE49-F238E27FC236}">
                <a16:creationId xmlns:a16="http://schemas.microsoft.com/office/drawing/2014/main" id="{180928A0-4FF8-4EFC-AF2B-48653B4DFC8B}"/>
              </a:ext>
            </a:extLst>
          </p:cNvPr>
          <p:cNvPicPr>
            <a:picLocks noChangeAspect="1"/>
          </p:cNvPicPr>
          <p:nvPr userDrawn="1"/>
        </p:nvPicPr>
        <p:blipFill>
          <a:blip r:embed="rId2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6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A6F78059-7A45-436B-B5EC-4C9861286D7D}"/>
              </a:ext>
            </a:extLst>
          </p:cNvPr>
          <p:cNvPicPr>
            <a:picLocks noChangeAspect="1"/>
          </p:cNvPicPr>
          <p:nvPr userDrawn="1"/>
        </p:nvPicPr>
        <p:blipFill>
          <a:blip r:embed="rId2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8"/>
              </a:ext>
            </a:extLst>
          </a:blip>
          <a:stretch>
            <a:fillRect/>
          </a:stretch>
        </p:blipFill>
        <p:spPr>
          <a:xfrm>
            <a:off x="10194435" y="6322068"/>
            <a:ext cx="1063844" cy="33170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1" y="1337187"/>
            <a:ext cx="10031999" cy="118970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80000" y="2930874"/>
            <a:ext cx="10031999" cy="269920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, bullet</a:t>
            </a:r>
            <a:endParaRPr lang="da-DK"/>
          </a:p>
          <a:p>
            <a:pPr lvl="1"/>
            <a:r>
              <a:rPr lang="da-DK" noProof="0" dirty="0"/>
              <a:t>Niveau 2</a:t>
            </a:r>
            <a:endParaRPr lang="da-DK"/>
          </a:p>
          <a:p>
            <a:pPr lvl="2"/>
            <a:r>
              <a:rPr lang="da-DK" noProof="0" dirty="0"/>
              <a:t>Niveau 3</a:t>
            </a:r>
            <a:endParaRPr lang="da-DK"/>
          </a:p>
          <a:p>
            <a:pPr lvl="3"/>
            <a:r>
              <a:rPr lang="da-DK" noProof="0" dirty="0"/>
              <a:t>Niveau 4, kursiv</a:t>
            </a:r>
            <a:endParaRPr lang="da-DK"/>
          </a:p>
          <a:p>
            <a:pPr lvl="4"/>
            <a:r>
              <a:rPr lang="da-DK" noProof="0" dirty="0"/>
              <a:t>Niveau 5, Overskrift</a:t>
            </a:r>
            <a:endParaRPr lang="da-DK"/>
          </a:p>
          <a:p>
            <a:pPr lvl="5"/>
            <a:r>
              <a:rPr lang="da-DK" noProof="0" dirty="0"/>
              <a:t>Niveau 6, Brødtekst</a:t>
            </a:r>
            <a:endParaRPr lang="da-DK"/>
          </a:p>
          <a:p>
            <a:pPr lvl="6"/>
            <a:r>
              <a:rPr lang="da-DK" noProof="0" dirty="0"/>
              <a:t>Niveau 7, Rapport bullet</a:t>
            </a:r>
            <a:endParaRPr lang="da-DK"/>
          </a:p>
          <a:p>
            <a:pPr lvl="7"/>
            <a:r>
              <a:rPr lang="da-DK" noProof="0" dirty="0"/>
              <a:t>Niveau 8, Rapport overskrift</a:t>
            </a:r>
            <a:endParaRPr lang="da-DK"/>
          </a:p>
          <a:p>
            <a:pPr lvl="8"/>
            <a:r>
              <a:rPr lang="da-DK" noProof="0" dirty="0"/>
              <a:t>Niveau 9; Rapport brødtekst</a:t>
            </a:r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79999" y="6407955"/>
            <a:ext cx="39492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9"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605989" y="6407955"/>
            <a:ext cx="67158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9">
                <a:solidFill>
                  <a:schemeClr val="tx1"/>
                </a:solidFill>
              </a:defRPr>
            </a:lvl1pPr>
          </a:lstStyle>
          <a:p>
            <a:fld id="{F04E0320-4C6E-4126-92A5-A266F2F4E839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408640" y="6407955"/>
            <a:ext cx="160710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9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815" r:id="rId2"/>
    <p:sldLayoutId id="2147483784" r:id="rId3"/>
    <p:sldLayoutId id="2147483763" r:id="rId4"/>
    <p:sldLayoutId id="2147483731" r:id="rId5"/>
    <p:sldLayoutId id="2147483792" r:id="rId6"/>
    <p:sldLayoutId id="2147483796" r:id="rId7"/>
    <p:sldLayoutId id="2147483811" r:id="rId8"/>
    <p:sldLayoutId id="2147483794" r:id="rId9"/>
    <p:sldLayoutId id="2147483776" r:id="rId10"/>
    <p:sldLayoutId id="2147483816" r:id="rId11"/>
    <p:sldLayoutId id="2147483791" r:id="rId12"/>
    <p:sldLayoutId id="2147483732" r:id="rId13"/>
    <p:sldLayoutId id="2147483795" r:id="rId14"/>
    <p:sldLayoutId id="2147483810" r:id="rId15"/>
    <p:sldLayoutId id="2147483804" r:id="rId16"/>
    <p:sldLayoutId id="2147483813" r:id="rId17"/>
    <p:sldLayoutId id="2147483743" r:id="rId18"/>
    <p:sldLayoutId id="2147483744" r:id="rId19"/>
    <p:sldLayoutId id="2147483817" r:id="rId20"/>
    <p:sldLayoutId id="2147483771" r:id="rId21"/>
    <p:sldLayoutId id="2147483814" r:id="rId22"/>
    <p:sldLayoutId id="2147483753" r:id="rId23"/>
  </p:sldLayoutIdLst>
  <p:hf hdr="0" ftr="0" dt="0"/>
  <p:txStyles>
    <p:titleStyle>
      <a:lvl1pPr algn="l" defTabSz="913486" rtl="0" eaLnBrk="1" latinLnBrk="0" hangingPunct="1">
        <a:lnSpc>
          <a:spcPct val="100000"/>
        </a:lnSpc>
        <a:spcBef>
          <a:spcPct val="0"/>
        </a:spcBef>
        <a:buNone/>
        <a:defRPr sz="4400" kern="1200">
          <a:solidFill>
            <a:srgbClr val="02718F"/>
          </a:solidFill>
          <a:latin typeface="+mj-lt"/>
          <a:ea typeface="+mj-ea"/>
          <a:cs typeface="+mj-cs"/>
        </a:defRPr>
      </a:lvl1pPr>
    </p:titleStyle>
    <p:bodyStyle>
      <a:lvl1pPr marL="251748" indent="-251748" algn="l" defTabSz="913486" rtl="0" eaLnBrk="1" latinLnBrk="0" hangingPunct="1">
        <a:lnSpc>
          <a:spcPct val="105000"/>
        </a:lnSpc>
        <a:spcBef>
          <a:spcPts val="200"/>
        </a:spcBef>
        <a:spcAft>
          <a:spcPts val="600"/>
        </a:spcAft>
        <a:buFont typeface="Arial" panose="020B0604020202020204" pitchFamily="34" charset="0"/>
        <a:buChar char="•"/>
        <a:defRPr sz="24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503496" indent="-251748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755244" indent="-251748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598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598" b="0" i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400" b="1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400" b="0" kern="1200">
          <a:solidFill>
            <a:schemeClr val="tx1"/>
          </a:solidFill>
          <a:latin typeface="+mn-lt"/>
          <a:ea typeface="+mn-ea"/>
          <a:cs typeface="+mn-cs"/>
        </a:defRPr>
      </a:lvl6pPr>
      <a:lvl7pPr marL="171450" indent="-17145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1pPr>
      <a:lvl2pPr marL="456743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2pPr>
      <a:lvl3pPr marL="913486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3pPr>
      <a:lvl4pPr marL="1370228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4pPr>
      <a:lvl5pPr marL="1826971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5pPr>
      <a:lvl6pPr marL="2283714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6pPr>
      <a:lvl7pPr marL="2740457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7pPr>
      <a:lvl8pPr marL="3197200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8pPr>
      <a:lvl9pPr marL="3653942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80" userDrawn="1">
          <p15:clr>
            <a:srgbClr val="F26B43"/>
          </p15:clr>
        </p15:guide>
        <p15:guide id="2" pos="6999" userDrawn="1">
          <p15:clr>
            <a:srgbClr val="F26B43"/>
          </p15:clr>
        </p15:guide>
        <p15:guide id="6" orient="horz" pos="3546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2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7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5.xml"/><Relationship Id="rId4" Type="http://schemas.openxmlformats.org/officeDocument/2006/relationships/image" Target="../media/image27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diagramColors" Target="../diagrams/colors1.xml"/><Relationship Id="rId5" Type="http://schemas.openxmlformats.org/officeDocument/2006/relationships/diagramQuickStyle" Target="../diagrams/quickStyle1.xml"/><Relationship Id="rId4" Type="http://schemas.openxmlformats.org/officeDocument/2006/relationships/diagramLayout" Target="../diagrams/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151D2191-9D62-4372-8365-C4F5B4BC96A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23E029C-5C1A-4B4C-ABFE-745D1FF35CA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Møde i Handicaprådet</a:t>
            </a:r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BE1FCACC-6061-427F-9B9A-5E8169201A6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Færdselsarealer for all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334931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18" name="Title 17">
            <a:extLst>
              <a:ext uri="{FF2B5EF4-FFF2-40B4-BE49-F238E27FC236}">
                <a16:creationId xmlns:a16="http://schemas.microsoft.com/office/drawing/2014/main" id="{41C04DA5-BF9E-4DB5-B9F5-955B26DB28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rafik- og Mobilitets-plan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A426C6C-C7E8-4397-894A-12227F9FC6C4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da-DK" dirty="0"/>
              <a:t>Fremkommelighed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6EDD7D71-2E4C-4459-A612-AA4D628F7E4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pPr algn="l"/>
            <a:r>
              <a:rPr lang="da-DK" sz="1800" b="0" i="0" u="none" strike="noStrike" baseline="0" dirty="0">
                <a:latin typeface="CIDFont+F1"/>
              </a:rPr>
              <a:t>Der foretages en tilgængelighedsrevision af alle signalanlæg for at forbedre signalerne for færdselshandicappede.</a:t>
            </a:r>
          </a:p>
          <a:p>
            <a:pPr algn="l"/>
            <a:r>
              <a:rPr lang="da-DK" sz="1800" b="0" dirty="0">
                <a:latin typeface="CIDFont+F1"/>
              </a:rPr>
              <a:t>Der er 28 signalanlæg i Furesø Kommune</a:t>
            </a: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7259509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nummer 1">
            <a:extLst>
              <a:ext uri="{FF2B5EF4-FFF2-40B4-BE49-F238E27FC236}">
                <a16:creationId xmlns:a16="http://schemas.microsoft.com/office/drawing/2014/main" id="{15A5346C-CD2C-4F72-B10D-D9B63E42C27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A52B1330-4E3D-4657-AF2F-BE5BFB3A0F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tekst 3">
            <a:extLst>
              <a:ext uri="{FF2B5EF4-FFF2-40B4-BE49-F238E27FC236}">
                <a16:creationId xmlns:a16="http://schemas.microsoft.com/office/drawing/2014/main" id="{AACB1440-856A-4E04-986F-3ABBB3DF020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2C5D2175-364D-4ACB-B2DC-5251914796F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7" name="Billede 6" descr="Et billede, der indeholder kort&#10;&#10;Automatisk genereret beskrivelse">
            <a:extLst>
              <a:ext uri="{FF2B5EF4-FFF2-40B4-BE49-F238E27FC236}">
                <a16:creationId xmlns:a16="http://schemas.microsoft.com/office/drawing/2014/main" id="{33192E87-38DA-4E6D-B769-547973FBD9E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53"/>
            <a:ext cx="12192000" cy="68566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184035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nummer 1">
            <a:extLst>
              <a:ext uri="{FF2B5EF4-FFF2-40B4-BE49-F238E27FC236}">
                <a16:creationId xmlns:a16="http://schemas.microsoft.com/office/drawing/2014/main" id="{A14B90F6-EA51-4586-95B1-35E751C20BB4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13" name="Titel 12">
            <a:extLst>
              <a:ext uri="{FF2B5EF4-FFF2-40B4-BE49-F238E27FC236}">
                <a16:creationId xmlns:a16="http://schemas.microsoft.com/office/drawing/2014/main" id="{A924772A-5D10-4FB7-A492-1907999DE11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8A8CF865-5765-4281-A0E7-E5CB7D85115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4" name="Pladsholder til tekst 13">
            <a:extLst>
              <a:ext uri="{FF2B5EF4-FFF2-40B4-BE49-F238E27FC236}">
                <a16:creationId xmlns:a16="http://schemas.microsoft.com/office/drawing/2014/main" id="{224640D5-7298-4896-B8EB-FED14313650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7" name="Billede 6" descr="Et billede, der indeholder kort&#10;&#10;Automatisk genereret beskrivelse">
            <a:extLst>
              <a:ext uri="{FF2B5EF4-FFF2-40B4-BE49-F238E27FC236}">
                <a16:creationId xmlns:a16="http://schemas.microsoft.com/office/drawing/2014/main" id="{CBE87856-9193-493F-9FBD-2213E149C3B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1306"/>
            <a:ext cx="12192000" cy="68566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885708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D4CC9D0-0B7C-4935-2789-BECE4E3379B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396E115C-243F-4872-9846-1A41A8D02B3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1" y="687430"/>
            <a:ext cx="12192000" cy="5483140"/>
          </a:xfrm>
          <a:prstGeom prst="rect">
            <a:avLst/>
          </a:prstGeom>
        </p:spPr>
      </p:pic>
      <p:sp>
        <p:nvSpPr>
          <p:cNvPr id="8" name="Kombinationstegning: figur 7">
            <a:extLst>
              <a:ext uri="{FF2B5EF4-FFF2-40B4-BE49-F238E27FC236}">
                <a16:creationId xmlns:a16="http://schemas.microsoft.com/office/drawing/2014/main" id="{BE35BC67-1380-41BC-A22C-4228EE7B48E3}"/>
              </a:ext>
            </a:extLst>
          </p:cNvPr>
          <p:cNvSpPr/>
          <p:nvPr/>
        </p:nvSpPr>
        <p:spPr>
          <a:xfrm>
            <a:off x="708917" y="3852809"/>
            <a:ext cx="1880171" cy="544530"/>
          </a:xfrm>
          <a:custGeom>
            <a:avLst/>
            <a:gdLst>
              <a:gd name="connsiteX0" fmla="*/ 1500027 w 1880171"/>
              <a:gd name="connsiteY0" fmla="*/ 595901 h 595901"/>
              <a:gd name="connsiteX1" fmla="*/ 1880171 w 1880171"/>
              <a:gd name="connsiteY1" fmla="*/ 359595 h 595901"/>
              <a:gd name="connsiteX2" fmla="*/ 349321 w 1880171"/>
              <a:gd name="connsiteY2" fmla="*/ 0 h 595901"/>
              <a:gd name="connsiteX3" fmla="*/ 0 w 1880171"/>
              <a:gd name="connsiteY3" fmla="*/ 143838 h 595901"/>
              <a:gd name="connsiteX4" fmla="*/ 1510301 w 1880171"/>
              <a:gd name="connsiteY4" fmla="*/ 544530 h 595901"/>
              <a:gd name="connsiteX5" fmla="*/ 1500027 w 1880171"/>
              <a:gd name="connsiteY5" fmla="*/ 595901 h 595901"/>
              <a:gd name="connsiteX0" fmla="*/ 1544272 w 1880171"/>
              <a:gd name="connsiteY0" fmla="*/ 529533 h 544530"/>
              <a:gd name="connsiteX1" fmla="*/ 1880171 w 1880171"/>
              <a:gd name="connsiteY1" fmla="*/ 359595 h 544530"/>
              <a:gd name="connsiteX2" fmla="*/ 349321 w 1880171"/>
              <a:gd name="connsiteY2" fmla="*/ 0 h 544530"/>
              <a:gd name="connsiteX3" fmla="*/ 0 w 1880171"/>
              <a:gd name="connsiteY3" fmla="*/ 143838 h 544530"/>
              <a:gd name="connsiteX4" fmla="*/ 1510301 w 1880171"/>
              <a:gd name="connsiteY4" fmla="*/ 544530 h 544530"/>
              <a:gd name="connsiteX5" fmla="*/ 1544272 w 1880171"/>
              <a:gd name="connsiteY5" fmla="*/ 529533 h 54453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880171" h="544530">
                <a:moveTo>
                  <a:pt x="1544272" y="529533"/>
                </a:moveTo>
                <a:lnTo>
                  <a:pt x="1880171" y="359595"/>
                </a:lnTo>
                <a:lnTo>
                  <a:pt x="349321" y="0"/>
                </a:lnTo>
                <a:lnTo>
                  <a:pt x="0" y="143838"/>
                </a:lnTo>
                <a:lnTo>
                  <a:pt x="1510301" y="544530"/>
                </a:lnTo>
                <a:lnTo>
                  <a:pt x="1544272" y="529533"/>
                </a:lnTo>
                <a:close/>
              </a:path>
            </a:pathLst>
          </a:custGeom>
          <a:solidFill>
            <a:srgbClr val="3F7287"/>
          </a:solidFill>
          <a:ln>
            <a:solidFill>
              <a:srgbClr val="3F728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9" name="Kombinationstegning: figur 8">
            <a:extLst>
              <a:ext uri="{FF2B5EF4-FFF2-40B4-BE49-F238E27FC236}">
                <a16:creationId xmlns:a16="http://schemas.microsoft.com/office/drawing/2014/main" id="{9B94655B-ABE4-4059-A391-2FD177AAA288}"/>
              </a:ext>
            </a:extLst>
          </p:cNvPr>
          <p:cNvSpPr/>
          <p:nvPr/>
        </p:nvSpPr>
        <p:spPr>
          <a:xfrm>
            <a:off x="2393879" y="3387324"/>
            <a:ext cx="924674" cy="794258"/>
          </a:xfrm>
          <a:custGeom>
            <a:avLst/>
            <a:gdLst>
              <a:gd name="connsiteX0" fmla="*/ 0 w 924674"/>
              <a:gd name="connsiteY0" fmla="*/ 647271 h 750013"/>
              <a:gd name="connsiteX1" fmla="*/ 0 w 924674"/>
              <a:gd name="connsiteY1" fmla="*/ 647271 h 750013"/>
              <a:gd name="connsiteX2" fmla="*/ 246579 w 924674"/>
              <a:gd name="connsiteY2" fmla="*/ 750013 h 750013"/>
              <a:gd name="connsiteX3" fmla="*/ 873303 w 924674"/>
              <a:gd name="connsiteY3" fmla="*/ 308224 h 750013"/>
              <a:gd name="connsiteX4" fmla="*/ 924674 w 924674"/>
              <a:gd name="connsiteY4" fmla="*/ 113015 h 750013"/>
              <a:gd name="connsiteX5" fmla="*/ 780836 w 924674"/>
              <a:gd name="connsiteY5" fmla="*/ 20548 h 750013"/>
              <a:gd name="connsiteX6" fmla="*/ 688368 w 924674"/>
              <a:gd name="connsiteY6" fmla="*/ 0 h 750013"/>
              <a:gd name="connsiteX7" fmla="*/ 513708 w 924674"/>
              <a:gd name="connsiteY7" fmla="*/ 133564 h 750013"/>
              <a:gd name="connsiteX8" fmla="*/ 595901 w 924674"/>
              <a:gd name="connsiteY8" fmla="*/ 277402 h 750013"/>
              <a:gd name="connsiteX9" fmla="*/ 0 w 924674"/>
              <a:gd name="connsiteY9" fmla="*/ 647271 h 750013"/>
              <a:gd name="connsiteX0" fmla="*/ 0 w 924674"/>
              <a:gd name="connsiteY0" fmla="*/ 647271 h 750013"/>
              <a:gd name="connsiteX1" fmla="*/ 0 w 924674"/>
              <a:gd name="connsiteY1" fmla="*/ 647271 h 750013"/>
              <a:gd name="connsiteX2" fmla="*/ 246579 w 924674"/>
              <a:gd name="connsiteY2" fmla="*/ 750013 h 750013"/>
              <a:gd name="connsiteX3" fmla="*/ 873303 w 924674"/>
              <a:gd name="connsiteY3" fmla="*/ 308224 h 750013"/>
              <a:gd name="connsiteX4" fmla="*/ 924674 w 924674"/>
              <a:gd name="connsiteY4" fmla="*/ 113015 h 750013"/>
              <a:gd name="connsiteX5" fmla="*/ 780836 w 924674"/>
              <a:gd name="connsiteY5" fmla="*/ 20548 h 750013"/>
              <a:gd name="connsiteX6" fmla="*/ 688368 w 924674"/>
              <a:gd name="connsiteY6" fmla="*/ 0 h 750013"/>
              <a:gd name="connsiteX7" fmla="*/ 439966 w 924674"/>
              <a:gd name="connsiteY7" fmla="*/ 96693 h 750013"/>
              <a:gd name="connsiteX8" fmla="*/ 595901 w 924674"/>
              <a:gd name="connsiteY8" fmla="*/ 277402 h 750013"/>
              <a:gd name="connsiteX9" fmla="*/ 0 w 924674"/>
              <a:gd name="connsiteY9" fmla="*/ 647271 h 750013"/>
              <a:gd name="connsiteX0" fmla="*/ 0 w 924674"/>
              <a:gd name="connsiteY0" fmla="*/ 691516 h 794258"/>
              <a:gd name="connsiteX1" fmla="*/ 0 w 924674"/>
              <a:gd name="connsiteY1" fmla="*/ 691516 h 794258"/>
              <a:gd name="connsiteX2" fmla="*/ 246579 w 924674"/>
              <a:gd name="connsiteY2" fmla="*/ 794258 h 794258"/>
              <a:gd name="connsiteX3" fmla="*/ 873303 w 924674"/>
              <a:gd name="connsiteY3" fmla="*/ 352469 h 794258"/>
              <a:gd name="connsiteX4" fmla="*/ 924674 w 924674"/>
              <a:gd name="connsiteY4" fmla="*/ 157260 h 794258"/>
              <a:gd name="connsiteX5" fmla="*/ 780836 w 924674"/>
              <a:gd name="connsiteY5" fmla="*/ 64793 h 794258"/>
              <a:gd name="connsiteX6" fmla="*/ 629374 w 924674"/>
              <a:gd name="connsiteY6" fmla="*/ 0 h 794258"/>
              <a:gd name="connsiteX7" fmla="*/ 439966 w 924674"/>
              <a:gd name="connsiteY7" fmla="*/ 140938 h 794258"/>
              <a:gd name="connsiteX8" fmla="*/ 595901 w 924674"/>
              <a:gd name="connsiteY8" fmla="*/ 321647 h 794258"/>
              <a:gd name="connsiteX9" fmla="*/ 0 w 924674"/>
              <a:gd name="connsiteY9" fmla="*/ 691516 h 794258"/>
              <a:gd name="connsiteX0" fmla="*/ 0 w 924674"/>
              <a:gd name="connsiteY0" fmla="*/ 691516 h 794258"/>
              <a:gd name="connsiteX1" fmla="*/ 0 w 924674"/>
              <a:gd name="connsiteY1" fmla="*/ 691516 h 794258"/>
              <a:gd name="connsiteX2" fmla="*/ 246579 w 924674"/>
              <a:gd name="connsiteY2" fmla="*/ 794258 h 794258"/>
              <a:gd name="connsiteX3" fmla="*/ 873303 w 924674"/>
              <a:gd name="connsiteY3" fmla="*/ 352469 h 794258"/>
              <a:gd name="connsiteX4" fmla="*/ 924674 w 924674"/>
              <a:gd name="connsiteY4" fmla="*/ 157260 h 794258"/>
              <a:gd name="connsiteX5" fmla="*/ 780836 w 924674"/>
              <a:gd name="connsiteY5" fmla="*/ 64793 h 794258"/>
              <a:gd name="connsiteX6" fmla="*/ 629374 w 924674"/>
              <a:gd name="connsiteY6" fmla="*/ 0 h 794258"/>
              <a:gd name="connsiteX7" fmla="*/ 439966 w 924674"/>
              <a:gd name="connsiteY7" fmla="*/ 140938 h 794258"/>
              <a:gd name="connsiteX8" fmla="*/ 699139 w 924674"/>
              <a:gd name="connsiteY8" fmla="*/ 240531 h 794258"/>
              <a:gd name="connsiteX9" fmla="*/ 0 w 924674"/>
              <a:gd name="connsiteY9" fmla="*/ 691516 h 7942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924674" h="794258">
                <a:moveTo>
                  <a:pt x="0" y="691516"/>
                </a:moveTo>
                <a:lnTo>
                  <a:pt x="0" y="691516"/>
                </a:lnTo>
                <a:lnTo>
                  <a:pt x="246579" y="794258"/>
                </a:lnTo>
                <a:lnTo>
                  <a:pt x="873303" y="352469"/>
                </a:lnTo>
                <a:lnTo>
                  <a:pt x="924674" y="157260"/>
                </a:lnTo>
                <a:lnTo>
                  <a:pt x="780836" y="64793"/>
                </a:lnTo>
                <a:lnTo>
                  <a:pt x="629374" y="0"/>
                </a:lnTo>
                <a:lnTo>
                  <a:pt x="439966" y="140938"/>
                </a:lnTo>
                <a:lnTo>
                  <a:pt x="699139" y="240531"/>
                </a:lnTo>
                <a:lnTo>
                  <a:pt x="0" y="691516"/>
                </a:lnTo>
                <a:close/>
              </a:path>
            </a:pathLst>
          </a:cu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10" name="Kombinationstegning: figur 9">
            <a:extLst>
              <a:ext uri="{FF2B5EF4-FFF2-40B4-BE49-F238E27FC236}">
                <a16:creationId xmlns:a16="http://schemas.microsoft.com/office/drawing/2014/main" id="{818BAF3D-9E1B-46ED-9B2A-E63817D8B01D}"/>
              </a:ext>
            </a:extLst>
          </p:cNvPr>
          <p:cNvSpPr/>
          <p:nvPr/>
        </p:nvSpPr>
        <p:spPr>
          <a:xfrm>
            <a:off x="1982912" y="3380198"/>
            <a:ext cx="996594" cy="380144"/>
          </a:xfrm>
          <a:custGeom>
            <a:avLst/>
            <a:gdLst>
              <a:gd name="connsiteX0" fmla="*/ 780836 w 996594"/>
              <a:gd name="connsiteY0" fmla="*/ 0 h 380144"/>
              <a:gd name="connsiteX1" fmla="*/ 0 w 996594"/>
              <a:gd name="connsiteY1" fmla="*/ 297950 h 380144"/>
              <a:gd name="connsiteX2" fmla="*/ 308225 w 996594"/>
              <a:gd name="connsiteY2" fmla="*/ 380144 h 380144"/>
              <a:gd name="connsiteX3" fmla="*/ 996594 w 996594"/>
              <a:gd name="connsiteY3" fmla="*/ 20548 h 380144"/>
              <a:gd name="connsiteX4" fmla="*/ 780836 w 996594"/>
              <a:gd name="connsiteY4" fmla="*/ 0 h 38014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96594" h="380144">
                <a:moveTo>
                  <a:pt x="780836" y="0"/>
                </a:moveTo>
                <a:lnTo>
                  <a:pt x="0" y="297950"/>
                </a:lnTo>
                <a:lnTo>
                  <a:pt x="308225" y="380144"/>
                </a:lnTo>
                <a:lnTo>
                  <a:pt x="996594" y="20548"/>
                </a:lnTo>
                <a:lnTo>
                  <a:pt x="780836" y="0"/>
                </a:lnTo>
                <a:close/>
              </a:path>
            </a:pathLst>
          </a:custGeom>
          <a:solidFill>
            <a:srgbClr val="3F7287"/>
          </a:solidFill>
          <a:ln>
            <a:solidFill>
              <a:srgbClr val="3F728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12" name="Kombinationstegning: figur 11">
            <a:extLst>
              <a:ext uri="{FF2B5EF4-FFF2-40B4-BE49-F238E27FC236}">
                <a16:creationId xmlns:a16="http://schemas.microsoft.com/office/drawing/2014/main" id="{E0D4F0CD-DCE0-4CD4-A16D-5B892EFB69C3}"/>
              </a:ext>
            </a:extLst>
          </p:cNvPr>
          <p:cNvSpPr/>
          <p:nvPr/>
        </p:nvSpPr>
        <p:spPr>
          <a:xfrm>
            <a:off x="9003890" y="4896465"/>
            <a:ext cx="2839065" cy="678425"/>
          </a:xfrm>
          <a:custGeom>
            <a:avLst/>
            <a:gdLst>
              <a:gd name="connsiteX0" fmla="*/ 0 w 2839065"/>
              <a:gd name="connsiteY0" fmla="*/ 0 h 678425"/>
              <a:gd name="connsiteX1" fmla="*/ 331839 w 2839065"/>
              <a:gd name="connsiteY1" fmla="*/ 457200 h 678425"/>
              <a:gd name="connsiteX2" fmla="*/ 2839065 w 2839065"/>
              <a:gd name="connsiteY2" fmla="*/ 678425 h 678425"/>
              <a:gd name="connsiteX3" fmla="*/ 2182762 w 2839065"/>
              <a:gd name="connsiteY3" fmla="*/ 243348 h 678425"/>
              <a:gd name="connsiteX4" fmla="*/ 0 w 2839065"/>
              <a:gd name="connsiteY4" fmla="*/ 0 h 6784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839065" h="678425">
                <a:moveTo>
                  <a:pt x="0" y="0"/>
                </a:moveTo>
                <a:lnTo>
                  <a:pt x="331839" y="457200"/>
                </a:lnTo>
                <a:lnTo>
                  <a:pt x="2839065" y="678425"/>
                </a:lnTo>
                <a:lnTo>
                  <a:pt x="2182762" y="243348"/>
                </a:lnTo>
                <a:lnTo>
                  <a:pt x="0" y="0"/>
                </a:lnTo>
                <a:close/>
              </a:path>
            </a:pathLst>
          </a:custGeom>
          <a:solidFill>
            <a:srgbClr val="3F7287"/>
          </a:solidFill>
          <a:ln>
            <a:solidFill>
              <a:srgbClr val="3F728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13" name="Kombinationstegning: figur 12">
            <a:extLst>
              <a:ext uri="{FF2B5EF4-FFF2-40B4-BE49-F238E27FC236}">
                <a16:creationId xmlns:a16="http://schemas.microsoft.com/office/drawing/2014/main" id="{BE74ABE0-AA5A-430A-ACF2-1CFB729E57AC}"/>
              </a:ext>
            </a:extLst>
          </p:cNvPr>
          <p:cNvSpPr/>
          <p:nvPr/>
        </p:nvSpPr>
        <p:spPr>
          <a:xfrm>
            <a:off x="8185355" y="4033684"/>
            <a:ext cx="1319980" cy="870155"/>
          </a:xfrm>
          <a:custGeom>
            <a:avLst/>
            <a:gdLst>
              <a:gd name="connsiteX0" fmla="*/ 0 w 1319980"/>
              <a:gd name="connsiteY0" fmla="*/ 0 h 870155"/>
              <a:gd name="connsiteX1" fmla="*/ 427703 w 1319980"/>
              <a:gd name="connsiteY1" fmla="*/ 44245 h 870155"/>
              <a:gd name="connsiteX2" fmla="*/ 1319980 w 1319980"/>
              <a:gd name="connsiteY2" fmla="*/ 870155 h 870155"/>
              <a:gd name="connsiteX3" fmla="*/ 656303 w 1319980"/>
              <a:gd name="connsiteY3" fmla="*/ 825910 h 870155"/>
              <a:gd name="connsiteX4" fmla="*/ 0 w 1319980"/>
              <a:gd name="connsiteY4" fmla="*/ 0 h 8701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19980" h="870155">
                <a:moveTo>
                  <a:pt x="0" y="0"/>
                </a:moveTo>
                <a:lnTo>
                  <a:pt x="427703" y="44245"/>
                </a:lnTo>
                <a:lnTo>
                  <a:pt x="1319980" y="870155"/>
                </a:lnTo>
                <a:lnTo>
                  <a:pt x="656303" y="82591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14" name="Kombinationstegning: figur 13">
            <a:extLst>
              <a:ext uri="{FF2B5EF4-FFF2-40B4-BE49-F238E27FC236}">
                <a16:creationId xmlns:a16="http://schemas.microsoft.com/office/drawing/2014/main" id="{82B62073-70FB-430A-AB40-43F68E555928}"/>
              </a:ext>
            </a:extLst>
          </p:cNvPr>
          <p:cNvSpPr/>
          <p:nvPr/>
        </p:nvSpPr>
        <p:spPr>
          <a:xfrm>
            <a:off x="9129252" y="4122174"/>
            <a:ext cx="1924664" cy="958645"/>
          </a:xfrm>
          <a:custGeom>
            <a:avLst/>
            <a:gdLst>
              <a:gd name="connsiteX0" fmla="*/ 0 w 1924664"/>
              <a:gd name="connsiteY0" fmla="*/ 22123 h 958645"/>
              <a:gd name="connsiteX1" fmla="*/ 1327354 w 1924664"/>
              <a:gd name="connsiteY1" fmla="*/ 877529 h 958645"/>
              <a:gd name="connsiteX2" fmla="*/ 1924664 w 1924664"/>
              <a:gd name="connsiteY2" fmla="*/ 958645 h 958645"/>
              <a:gd name="connsiteX3" fmla="*/ 324464 w 1924664"/>
              <a:gd name="connsiteY3" fmla="*/ 0 h 958645"/>
              <a:gd name="connsiteX4" fmla="*/ 0 w 1924664"/>
              <a:gd name="connsiteY4" fmla="*/ 22123 h 9586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924664" h="958645">
                <a:moveTo>
                  <a:pt x="0" y="22123"/>
                </a:moveTo>
                <a:lnTo>
                  <a:pt x="1327354" y="877529"/>
                </a:lnTo>
                <a:lnTo>
                  <a:pt x="1924664" y="958645"/>
                </a:lnTo>
                <a:lnTo>
                  <a:pt x="324464" y="0"/>
                </a:lnTo>
                <a:lnTo>
                  <a:pt x="0" y="22123"/>
                </a:lnTo>
                <a:close/>
              </a:path>
            </a:pathLst>
          </a:cu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15" name="Rektangel 14">
            <a:extLst>
              <a:ext uri="{FF2B5EF4-FFF2-40B4-BE49-F238E27FC236}">
                <a16:creationId xmlns:a16="http://schemas.microsoft.com/office/drawing/2014/main" id="{D0308671-8342-4151-944F-3ABBD8056253}"/>
              </a:ext>
            </a:extLst>
          </p:cNvPr>
          <p:cNvSpPr/>
          <p:nvPr/>
        </p:nvSpPr>
        <p:spPr>
          <a:xfrm rot="3530499" flipH="1">
            <a:off x="1760190" y="3727908"/>
            <a:ext cx="96356" cy="2024939"/>
          </a:xfrm>
          <a:prstGeom prst="rect">
            <a:avLst/>
          </a:prstGeom>
          <a:solidFill>
            <a:schemeClr val="accent5"/>
          </a:solidFill>
          <a:ln>
            <a:solidFill>
              <a:schemeClr val="accent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16" name="Rektangel 15">
            <a:extLst>
              <a:ext uri="{FF2B5EF4-FFF2-40B4-BE49-F238E27FC236}">
                <a16:creationId xmlns:a16="http://schemas.microsoft.com/office/drawing/2014/main" id="{4659E599-1A6B-4620-9FAD-E13105A9F9A0}"/>
              </a:ext>
            </a:extLst>
          </p:cNvPr>
          <p:cNvSpPr/>
          <p:nvPr/>
        </p:nvSpPr>
        <p:spPr>
          <a:xfrm rot="8431633" flipH="1">
            <a:off x="8981671" y="4870145"/>
            <a:ext cx="132192" cy="649948"/>
          </a:xfrm>
          <a:prstGeom prst="rect">
            <a:avLst/>
          </a:prstGeom>
          <a:solidFill>
            <a:schemeClr val="accent5"/>
          </a:solidFill>
          <a:ln>
            <a:solidFill>
              <a:schemeClr val="accent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17" name="Rektangel 16">
            <a:extLst>
              <a:ext uri="{FF2B5EF4-FFF2-40B4-BE49-F238E27FC236}">
                <a16:creationId xmlns:a16="http://schemas.microsoft.com/office/drawing/2014/main" id="{0B3128C2-7165-40BB-A8F6-D78F4D21BFF8}"/>
              </a:ext>
            </a:extLst>
          </p:cNvPr>
          <p:cNvSpPr/>
          <p:nvPr/>
        </p:nvSpPr>
        <p:spPr>
          <a:xfrm rot="5720571" flipH="1">
            <a:off x="2831309" y="3207746"/>
            <a:ext cx="49813" cy="283190"/>
          </a:xfrm>
          <a:prstGeom prst="rect">
            <a:avLst/>
          </a:prstGeom>
          <a:solidFill>
            <a:schemeClr val="accent5"/>
          </a:solidFill>
          <a:ln>
            <a:solidFill>
              <a:schemeClr val="accent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11" name="Kombinationstegning: figur 10">
            <a:extLst>
              <a:ext uri="{FF2B5EF4-FFF2-40B4-BE49-F238E27FC236}">
                <a16:creationId xmlns:a16="http://schemas.microsoft.com/office/drawing/2014/main" id="{C4AA6FC4-8124-44B3-8516-572A31372DAA}"/>
              </a:ext>
            </a:extLst>
          </p:cNvPr>
          <p:cNvSpPr/>
          <p:nvPr/>
        </p:nvSpPr>
        <p:spPr>
          <a:xfrm>
            <a:off x="4767349" y="2826327"/>
            <a:ext cx="340822" cy="74815"/>
          </a:xfrm>
          <a:custGeom>
            <a:avLst/>
            <a:gdLst>
              <a:gd name="connsiteX0" fmla="*/ 0 w 340822"/>
              <a:gd name="connsiteY0" fmla="*/ 74815 h 74815"/>
              <a:gd name="connsiteX1" fmla="*/ 83127 w 340822"/>
              <a:gd name="connsiteY1" fmla="*/ 74815 h 74815"/>
              <a:gd name="connsiteX2" fmla="*/ 340822 w 340822"/>
              <a:gd name="connsiteY2" fmla="*/ 12469 h 74815"/>
              <a:gd name="connsiteX3" fmla="*/ 228600 w 340822"/>
              <a:gd name="connsiteY3" fmla="*/ 0 h 74815"/>
              <a:gd name="connsiteX4" fmla="*/ 0 w 340822"/>
              <a:gd name="connsiteY4" fmla="*/ 74815 h 74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22" h="74815">
                <a:moveTo>
                  <a:pt x="0" y="74815"/>
                </a:moveTo>
                <a:lnTo>
                  <a:pt x="83127" y="74815"/>
                </a:lnTo>
                <a:lnTo>
                  <a:pt x="340822" y="12469"/>
                </a:lnTo>
                <a:lnTo>
                  <a:pt x="228600" y="0"/>
                </a:lnTo>
                <a:lnTo>
                  <a:pt x="0" y="74815"/>
                </a:lnTo>
                <a:close/>
              </a:path>
            </a:pathLst>
          </a:custGeom>
          <a:solidFill>
            <a:srgbClr val="3F7287"/>
          </a:solidFill>
          <a:ln>
            <a:solidFill>
              <a:srgbClr val="3F728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19" name="Kombinationstegning: figur 18">
            <a:extLst>
              <a:ext uri="{FF2B5EF4-FFF2-40B4-BE49-F238E27FC236}">
                <a16:creationId xmlns:a16="http://schemas.microsoft.com/office/drawing/2014/main" id="{089EFDB7-EC83-4EBA-AB6B-7A00EDC4CEAC}"/>
              </a:ext>
            </a:extLst>
          </p:cNvPr>
          <p:cNvSpPr/>
          <p:nvPr/>
        </p:nvSpPr>
        <p:spPr>
          <a:xfrm>
            <a:off x="4995949" y="2872047"/>
            <a:ext cx="257695" cy="37408"/>
          </a:xfrm>
          <a:custGeom>
            <a:avLst/>
            <a:gdLst>
              <a:gd name="connsiteX0" fmla="*/ 0 w 257695"/>
              <a:gd name="connsiteY0" fmla="*/ 20782 h 37408"/>
              <a:gd name="connsiteX1" fmla="*/ 211975 w 257695"/>
              <a:gd name="connsiteY1" fmla="*/ 37408 h 37408"/>
              <a:gd name="connsiteX2" fmla="*/ 257695 w 257695"/>
              <a:gd name="connsiteY2" fmla="*/ 12469 h 37408"/>
              <a:gd name="connsiteX3" fmla="*/ 54033 w 257695"/>
              <a:gd name="connsiteY3" fmla="*/ 0 h 37408"/>
              <a:gd name="connsiteX4" fmla="*/ 0 w 257695"/>
              <a:gd name="connsiteY4" fmla="*/ 20782 h 3740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57695" h="37408">
                <a:moveTo>
                  <a:pt x="0" y="20782"/>
                </a:moveTo>
                <a:lnTo>
                  <a:pt x="211975" y="37408"/>
                </a:lnTo>
                <a:lnTo>
                  <a:pt x="257695" y="12469"/>
                </a:lnTo>
                <a:lnTo>
                  <a:pt x="54033" y="0"/>
                </a:lnTo>
                <a:lnTo>
                  <a:pt x="0" y="20782"/>
                </a:lnTo>
                <a:close/>
              </a:path>
            </a:pathLst>
          </a:cu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20" name="Kombinationstegning: figur 19">
            <a:extLst>
              <a:ext uri="{FF2B5EF4-FFF2-40B4-BE49-F238E27FC236}">
                <a16:creationId xmlns:a16="http://schemas.microsoft.com/office/drawing/2014/main" id="{DC3D1A9D-0021-4F0F-911A-567744431849}"/>
              </a:ext>
            </a:extLst>
          </p:cNvPr>
          <p:cNvSpPr/>
          <p:nvPr/>
        </p:nvSpPr>
        <p:spPr>
          <a:xfrm>
            <a:off x="5156662" y="2826326"/>
            <a:ext cx="257695" cy="37408"/>
          </a:xfrm>
          <a:custGeom>
            <a:avLst/>
            <a:gdLst>
              <a:gd name="connsiteX0" fmla="*/ 0 w 257695"/>
              <a:gd name="connsiteY0" fmla="*/ 20782 h 37408"/>
              <a:gd name="connsiteX1" fmla="*/ 211975 w 257695"/>
              <a:gd name="connsiteY1" fmla="*/ 37408 h 37408"/>
              <a:gd name="connsiteX2" fmla="*/ 257695 w 257695"/>
              <a:gd name="connsiteY2" fmla="*/ 12469 h 37408"/>
              <a:gd name="connsiteX3" fmla="*/ 54033 w 257695"/>
              <a:gd name="connsiteY3" fmla="*/ 0 h 37408"/>
              <a:gd name="connsiteX4" fmla="*/ 0 w 257695"/>
              <a:gd name="connsiteY4" fmla="*/ 20782 h 3740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57695" h="37408">
                <a:moveTo>
                  <a:pt x="0" y="20782"/>
                </a:moveTo>
                <a:lnTo>
                  <a:pt x="211975" y="37408"/>
                </a:lnTo>
                <a:lnTo>
                  <a:pt x="257695" y="12469"/>
                </a:lnTo>
                <a:lnTo>
                  <a:pt x="54033" y="0"/>
                </a:lnTo>
                <a:lnTo>
                  <a:pt x="0" y="20782"/>
                </a:lnTo>
                <a:close/>
              </a:path>
            </a:pathLst>
          </a:cu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grpSp>
        <p:nvGrpSpPr>
          <p:cNvPr id="24" name="Gruppe 23">
            <a:extLst>
              <a:ext uri="{FF2B5EF4-FFF2-40B4-BE49-F238E27FC236}">
                <a16:creationId xmlns:a16="http://schemas.microsoft.com/office/drawing/2014/main" id="{CC5165A7-809E-4C55-8360-B0B474F054F3}"/>
              </a:ext>
            </a:extLst>
          </p:cNvPr>
          <p:cNvGrpSpPr/>
          <p:nvPr/>
        </p:nvGrpSpPr>
        <p:grpSpPr>
          <a:xfrm>
            <a:off x="4675910" y="2626822"/>
            <a:ext cx="81719" cy="245225"/>
            <a:chOff x="4675910" y="2626822"/>
            <a:chExt cx="81719" cy="245225"/>
          </a:xfrm>
        </p:grpSpPr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D1341C12-A4DB-4E6D-B662-91E279A728CB}"/>
                </a:ext>
              </a:extLst>
            </p:cNvPr>
            <p:cNvSpPr/>
            <p:nvPr/>
          </p:nvSpPr>
          <p:spPr>
            <a:xfrm>
              <a:off x="4675910" y="2626822"/>
              <a:ext cx="45719" cy="245225"/>
            </a:xfrm>
            <a:prstGeom prst="rect">
              <a:avLst/>
            </a:prstGeom>
            <a:solidFill>
              <a:schemeClr val="bg1">
                <a:lumMod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1600" noProof="0" dirty="0" err="1"/>
            </a:p>
          </p:txBody>
        </p:sp>
        <p:sp>
          <p:nvSpPr>
            <p:cNvPr id="23" name="Rektangel 22">
              <a:extLst>
                <a:ext uri="{FF2B5EF4-FFF2-40B4-BE49-F238E27FC236}">
                  <a16:creationId xmlns:a16="http://schemas.microsoft.com/office/drawing/2014/main" id="{B9C4BB51-A285-4CE3-808E-EA16B181040D}"/>
                </a:ext>
              </a:extLst>
            </p:cNvPr>
            <p:cNvSpPr/>
            <p:nvPr/>
          </p:nvSpPr>
          <p:spPr>
            <a:xfrm>
              <a:off x="4721629" y="2679414"/>
              <a:ext cx="36000" cy="70020"/>
            </a:xfrm>
            <a:prstGeom prst="rect">
              <a:avLst/>
            </a:prstGeom>
            <a:solidFill>
              <a:schemeClr val="accent1">
                <a:lumMod val="7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1600" noProof="0" dirty="0" err="1"/>
            </a:p>
          </p:txBody>
        </p:sp>
      </p:grpSp>
      <p:grpSp>
        <p:nvGrpSpPr>
          <p:cNvPr id="25" name="Gruppe 24">
            <a:extLst>
              <a:ext uri="{FF2B5EF4-FFF2-40B4-BE49-F238E27FC236}">
                <a16:creationId xmlns:a16="http://schemas.microsoft.com/office/drawing/2014/main" id="{0838A1B6-A81B-4E18-BFE2-BDB089992025}"/>
              </a:ext>
            </a:extLst>
          </p:cNvPr>
          <p:cNvGrpSpPr/>
          <p:nvPr/>
        </p:nvGrpSpPr>
        <p:grpSpPr>
          <a:xfrm>
            <a:off x="4896152" y="2583101"/>
            <a:ext cx="81719" cy="245225"/>
            <a:chOff x="4675910" y="2626822"/>
            <a:chExt cx="81719" cy="245225"/>
          </a:xfrm>
        </p:grpSpPr>
        <p:sp>
          <p:nvSpPr>
            <p:cNvPr id="26" name="Rektangel 25">
              <a:extLst>
                <a:ext uri="{FF2B5EF4-FFF2-40B4-BE49-F238E27FC236}">
                  <a16:creationId xmlns:a16="http://schemas.microsoft.com/office/drawing/2014/main" id="{0DBCFBAF-CEFC-43C9-BD7F-B07CF9DF9597}"/>
                </a:ext>
              </a:extLst>
            </p:cNvPr>
            <p:cNvSpPr/>
            <p:nvPr/>
          </p:nvSpPr>
          <p:spPr>
            <a:xfrm>
              <a:off x="4675910" y="2626822"/>
              <a:ext cx="45719" cy="245225"/>
            </a:xfrm>
            <a:prstGeom prst="rect">
              <a:avLst/>
            </a:prstGeom>
            <a:solidFill>
              <a:schemeClr val="bg1">
                <a:lumMod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1600" noProof="0" dirty="0" err="1"/>
            </a:p>
          </p:txBody>
        </p:sp>
        <p:sp>
          <p:nvSpPr>
            <p:cNvPr id="27" name="Rektangel 26">
              <a:extLst>
                <a:ext uri="{FF2B5EF4-FFF2-40B4-BE49-F238E27FC236}">
                  <a16:creationId xmlns:a16="http://schemas.microsoft.com/office/drawing/2014/main" id="{D99A96A4-BA92-4912-A6B3-6EFE0FBD513A}"/>
                </a:ext>
              </a:extLst>
            </p:cNvPr>
            <p:cNvSpPr/>
            <p:nvPr/>
          </p:nvSpPr>
          <p:spPr>
            <a:xfrm>
              <a:off x="4721629" y="2679414"/>
              <a:ext cx="36000" cy="70020"/>
            </a:xfrm>
            <a:prstGeom prst="rect">
              <a:avLst/>
            </a:prstGeom>
            <a:solidFill>
              <a:schemeClr val="accent1">
                <a:lumMod val="7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1600" noProof="0" dirty="0" err="1"/>
            </a:p>
          </p:txBody>
        </p:sp>
      </p:grpSp>
      <p:sp>
        <p:nvSpPr>
          <p:cNvPr id="28" name="Rektangel 27">
            <a:extLst>
              <a:ext uri="{FF2B5EF4-FFF2-40B4-BE49-F238E27FC236}">
                <a16:creationId xmlns:a16="http://schemas.microsoft.com/office/drawing/2014/main" id="{E7853F9E-8949-4CE1-8A03-EDBA9F78B7F7}"/>
              </a:ext>
            </a:extLst>
          </p:cNvPr>
          <p:cNvSpPr/>
          <p:nvPr/>
        </p:nvSpPr>
        <p:spPr>
          <a:xfrm rot="20762114">
            <a:off x="2638829" y="3047451"/>
            <a:ext cx="36000" cy="70020"/>
          </a:xfrm>
          <a:prstGeom prst="rect">
            <a:avLst/>
          </a:prstGeom>
          <a:solidFill>
            <a:schemeClr val="accent1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71A94F97-1A85-41FE-9EAC-A07D2C672C4E}"/>
              </a:ext>
            </a:extLst>
          </p:cNvPr>
          <p:cNvSpPr/>
          <p:nvPr/>
        </p:nvSpPr>
        <p:spPr>
          <a:xfrm rot="336467">
            <a:off x="4721629" y="2901142"/>
            <a:ext cx="128847" cy="45719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30" name="Rektangel 29">
            <a:extLst>
              <a:ext uri="{FF2B5EF4-FFF2-40B4-BE49-F238E27FC236}">
                <a16:creationId xmlns:a16="http://schemas.microsoft.com/office/drawing/2014/main" id="{633207B0-51B8-4005-9F48-B61E8411B974}"/>
              </a:ext>
            </a:extLst>
          </p:cNvPr>
          <p:cNvSpPr/>
          <p:nvPr/>
        </p:nvSpPr>
        <p:spPr>
          <a:xfrm rot="426382">
            <a:off x="5022296" y="2782047"/>
            <a:ext cx="128847" cy="45719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31" name="Kombinationstegning: figur 30">
            <a:extLst>
              <a:ext uri="{FF2B5EF4-FFF2-40B4-BE49-F238E27FC236}">
                <a16:creationId xmlns:a16="http://schemas.microsoft.com/office/drawing/2014/main" id="{78CAAC00-6C8D-4C6B-978C-02EECD99EE8C}"/>
              </a:ext>
            </a:extLst>
          </p:cNvPr>
          <p:cNvSpPr/>
          <p:nvPr/>
        </p:nvSpPr>
        <p:spPr>
          <a:xfrm>
            <a:off x="19050" y="3314700"/>
            <a:ext cx="2105025" cy="1638300"/>
          </a:xfrm>
          <a:custGeom>
            <a:avLst/>
            <a:gdLst>
              <a:gd name="connsiteX0" fmla="*/ 0 w 2105025"/>
              <a:gd name="connsiteY0" fmla="*/ 1638300 h 1638300"/>
              <a:gd name="connsiteX1" fmla="*/ 2105025 w 2105025"/>
              <a:gd name="connsiteY1" fmla="*/ 352425 h 1638300"/>
              <a:gd name="connsiteX2" fmla="*/ 1971675 w 2105025"/>
              <a:gd name="connsiteY2" fmla="*/ 76200 h 1638300"/>
              <a:gd name="connsiteX3" fmla="*/ 1428750 w 2105025"/>
              <a:gd name="connsiteY3" fmla="*/ 28575 h 1638300"/>
              <a:gd name="connsiteX4" fmla="*/ 1428750 w 2105025"/>
              <a:gd name="connsiteY4" fmla="*/ 28575 h 1638300"/>
              <a:gd name="connsiteX5" fmla="*/ 1504950 w 2105025"/>
              <a:gd name="connsiteY5" fmla="*/ 0 h 1638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105025" h="1638300">
                <a:moveTo>
                  <a:pt x="0" y="1638300"/>
                </a:moveTo>
                <a:lnTo>
                  <a:pt x="2105025" y="352425"/>
                </a:lnTo>
                <a:lnTo>
                  <a:pt x="1971675" y="76200"/>
                </a:lnTo>
                <a:lnTo>
                  <a:pt x="1428750" y="28575"/>
                </a:lnTo>
                <a:lnTo>
                  <a:pt x="1428750" y="28575"/>
                </a:lnTo>
                <a:lnTo>
                  <a:pt x="1504950" y="0"/>
                </a:lnTo>
              </a:path>
            </a:pathLst>
          </a:custGeom>
          <a:noFill/>
          <a:ln w="76200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2" name="Tekstfelt 31">
            <a:extLst>
              <a:ext uri="{FF2B5EF4-FFF2-40B4-BE49-F238E27FC236}">
                <a16:creationId xmlns:a16="http://schemas.microsoft.com/office/drawing/2014/main" id="{16354E23-3524-4875-9602-15C1C131EB89}"/>
              </a:ext>
            </a:extLst>
          </p:cNvPr>
          <p:cNvSpPr txBox="1"/>
          <p:nvPr/>
        </p:nvSpPr>
        <p:spPr>
          <a:xfrm>
            <a:off x="8907155" y="1145642"/>
            <a:ext cx="2935800" cy="22159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>
                <a:solidFill>
                  <a:schemeClr val="bg1"/>
                </a:solidFill>
              </a:rPr>
              <a:t>Regulerede fodgængerfelter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600" b="1" dirty="0">
                <a:solidFill>
                  <a:schemeClr val="bg1"/>
                </a:solidFill>
              </a:rPr>
              <a:t>Opmærksomhedsfelter ved 0-lysning (gul felt)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600" b="1" dirty="0">
                <a:solidFill>
                  <a:schemeClr val="bg1"/>
                </a:solidFill>
              </a:rPr>
              <a:t>Retningsfelter  m 6-8 cm lysning (blågråt felt og lilla linje)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600" b="1" dirty="0">
                <a:solidFill>
                  <a:schemeClr val="bg1"/>
                </a:solidFill>
              </a:rPr>
              <a:t>Ledelinjer (hvid linje)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600" b="1" dirty="0" err="1">
                <a:solidFill>
                  <a:schemeClr val="bg1"/>
                </a:solidFill>
              </a:rPr>
              <a:t>Lydgivere</a:t>
            </a:r>
            <a:r>
              <a:rPr lang="da-DK" sz="1600" b="1" dirty="0">
                <a:solidFill>
                  <a:schemeClr val="bg1"/>
                </a:solidFill>
              </a:rPr>
              <a:t> i udvalgte kryds og evt. felter (blå m/grå stander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9171028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5FBB883-6983-4167-BB10-0F3B21B3E7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ordan og hvornår vil handicaprådet involveres 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550C8DB-AA7F-4803-A1A3-3B3ECD99B1E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Prioritering af rækkefølge for revision af krydsene ?</a:t>
            </a:r>
          </a:p>
          <a:p>
            <a:r>
              <a:rPr lang="da-DK" dirty="0"/>
              <a:t>Prioritering af i hvilke kryds, der ønskes </a:t>
            </a:r>
            <a:r>
              <a:rPr lang="da-DK" dirty="0" err="1"/>
              <a:t>lydgivere</a:t>
            </a:r>
            <a:r>
              <a:rPr lang="da-DK" dirty="0"/>
              <a:t> og en prioritering af rækkefølgen ?</a:t>
            </a:r>
          </a:p>
          <a:p>
            <a:r>
              <a:rPr lang="da-DK" dirty="0"/>
              <a:t>Evt. deltagelse i besigtigelse af 1-2 kryds med tilgængelighedsrevisor ? Eller alle ?</a:t>
            </a:r>
          </a:p>
          <a:p>
            <a:r>
              <a:rPr lang="da-DK" dirty="0"/>
              <a:t>Oplæg er revision af ca. 3 kryds om året, udførelse 1 kryds i 2023, hvis det prioriteres i disponering af puljen.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CD3BDE0-E639-4A4F-84D7-2A98AB580B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5953180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333E473-410B-493E-B073-FFA617A22E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idsplan</a:t>
            </a:r>
          </a:p>
        </p:txBody>
      </p:sp>
      <p:graphicFrame>
        <p:nvGraphicFramePr>
          <p:cNvPr id="5" name="Pladsholder til indhold 4">
            <a:extLst>
              <a:ext uri="{FF2B5EF4-FFF2-40B4-BE49-F238E27FC236}">
                <a16:creationId xmlns:a16="http://schemas.microsoft.com/office/drawing/2014/main" id="{A4C3140E-F914-441F-A166-CDDBC5A21F4F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364333093"/>
              </p:ext>
            </p:extLst>
          </p:nvPr>
        </p:nvGraphicFramePr>
        <p:xfrm>
          <a:off x="1079500" y="600075"/>
          <a:ext cx="10033000" cy="5562599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D06CD49-C2F1-4048-A3C5-86D16BBE97C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79170420"/>
      </p:ext>
    </p:extLst>
  </p:cSld>
  <p:clrMapOvr>
    <a:masterClrMapping/>
  </p:clrMapOvr>
</p:sld>
</file>

<file path=ppt/theme/theme1.xml><?xml version="1.0" encoding="utf-8"?>
<a:theme xmlns:a="http://schemas.openxmlformats.org/drawingml/2006/main" name="Furesø Kommune">
  <a:themeElements>
    <a:clrScheme name="Furesø Kommune Blå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87B2DF"/>
      </a:accent1>
      <a:accent2>
        <a:srgbClr val="FFC076"/>
      </a:accent2>
      <a:accent3>
        <a:srgbClr val="D73B4C"/>
      </a:accent3>
      <a:accent4>
        <a:srgbClr val="5CC492"/>
      </a:accent4>
      <a:accent5>
        <a:srgbClr val="A72877"/>
      </a:accent5>
      <a:accent6>
        <a:srgbClr val="3F7287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3F7287"/>
        </a:solidFill>
        <a:ln>
          <a:solidFill>
            <a:srgbClr val="3F7287"/>
          </a:solidFill>
        </a:ln>
      </a:spPr>
      <a:bodyPr lIns="72000" tIns="36000" rIns="72000" bIns="36000" rtlCol="0" anchor="ctr"/>
      <a:lstStyle>
        <a:defPPr algn="ctr"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rgbClr val="3F7287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BaseTemplate 16-9 DK.potx" id="{EB32A1AD-9B90-4719-AE89-A4D31A28E73E}" vid="{071A415C-2378-45EC-9A83-548DE88CA857}"/>
    </a:ext>
  </a:extLst>
</a:theme>
</file>

<file path=ppt/theme/theme2.xml><?xml version="1.0" encoding="utf-8"?>
<a:theme xmlns:a="http://schemas.openxmlformats.org/drawingml/2006/main" name="Office-tema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006A8C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006A8C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TemplateConfiguration><![CDATA[{"elementsMetadata":[{"type":"shape","id":"d55ace99-52da-46d2-9f15-4225df93da35","elementConfiguration":{"inheritDimensions":"inheritNone","width":"33.87 cm","binding":"Form.Farver_PP.BylinjePP","disableUpdates":false,"type":"image"}}],"transformationConfigurations":[{"language":"{{DocumentLanguage}}","disableUpdates":false,"type":"proofingLanguage"},{"colorTheme":"{{Form.Farver_PP.ThemeColor}}","originalColorThemeXml":"<a:clrScheme name=\"Furesø Kommune Blå\" xmlns:a=\"http://schemas.openxmlformats.org/drawingml/2006/main\"><a:dk1><a:sysClr val=\"windowText\" lastClr=\"000000\" /></a:dk1><a:lt1><a:sysClr val=\"window\" lastClr=\"FFFFFF\" /></a:lt1><a:dk2><a:srgbClr val=\"19324C\" /></a:dk2><a:lt2><a:srgbClr val=\"FEF2E2\" /></a:lt2><a:accent1><a:srgbClr val=\"87B2DF\" /></a:accent1><a:accent2><a:srgbClr val=\"FFC076\" /></a:accent2><a:accent3><a:srgbClr val=\"D73B4C\" /></a:accent3><a:accent4><a:srgbClr val=\"5CC492\" /></a:accent4><a:accent5><a:srgbClr val=\"A72877\" /></a:accent5><a:accent6><a:srgbClr val=\"3F7287\" /></a:accent6><a:hlink><a:srgbClr val=\"0563C1\" /></a:hlink><a:folHlink><a:srgbClr val=\"954F72\" /></a:folHlink></a:clrScheme>","disableUpdates":false,"type":"colorTheme"}],"templateName":"","templateDescription":"","enableDocumentContentUpdater":true,"version":"1.14"}]]></Templafy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dataSource":"PPFarver","displayColumn":"color","defaultValue":"1","hideIfNoUserInteractionRequired":false,"distinct":true,"required":true,"autoSelectFirstOption":false,"helpTexts":{"prefix":"","postfix":"Vælg det ønskede farvetema"},"spacing":{},"type":"dropDown","name":"Farver_PP","label":"Vælg farvetema","fullyQualifiedName":"Farver_PP"}],"formDataEntries":[{"name":"Farver_PP","value":"2J+rBgAIZjLWUbYsfTDgdw=="}]}]]></TemplafyFormConfiguration>
</file>

<file path=customXml/item3.xml><?xml version="1.0" encoding="utf-8"?>
<TemplafySlideTemplateConfiguration><![CDATA[{"slideVersion":0,"isValidatorEnabled":false,"isLocked":false,"elementsMetadata":[],"slideId":"637968541123492347","enableDocumentContentUpdater":true,"version":"1.14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0,"isValidatorEnabled":false,"isLocked":false,"elementsMetadata":[],"slideId":"637968541123492346","enableDocumentContentUpdater":true,"version":"1.14"}]]></TemplafySlideTemplateConfiguration>
</file>

<file path=customXml/item6.xml><?xml version="1.0" encoding="utf-8"?>
<TemplafySlideTemplateConfiguration><![CDATA[{"slideVersion":0,"isValidatorEnabled":false,"isLocked":false,"elementsMetadata":[],"slideId":"637968541123179916","enableDocumentContentUpdater":true,"version":"1.14"}]]></TemplafySlideTemplateConfiguration>
</file>

<file path=customXml/item7.xml><?xml version="1.0" encoding="utf-8"?>
<TemplafySlideTemplateConfiguration><![CDATA[{"slideVersion":0,"isValidatorEnabled":false,"isLocked":false,"elementsMetadata":[],"slideId":"637968541123336518","enableDocumentContentUpdater":true,"version":"1.14"}]]></TemplafySlideTemplateConfiguration>
</file>

<file path=customXml/item8.xml><?xml version="1.0" encoding="utf-8"?>
<TemplafySlideTemplateConfiguration><![CDATA[{"slideVersion":0,"isValidatorEnabled":false,"isLocked":false,"elementsMetadata":[],"slideId":"637968541123648567","enableDocumentContentUpdater":true,"version":"1.14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6607405C-37D8-4D48-9D50-DBD0F30A4570}">
  <ds:schemaRefs/>
</ds:datastoreItem>
</file>

<file path=customXml/itemProps10.xml><?xml version="1.0" encoding="utf-8"?>
<ds:datastoreItem xmlns:ds="http://schemas.openxmlformats.org/officeDocument/2006/customXml" ds:itemID="{1C14A169-E734-4B36-A843-EB114D9D2348}">
  <ds:schemaRefs/>
</ds:datastoreItem>
</file>

<file path=customXml/itemProps11.xml><?xml version="1.0" encoding="utf-8"?>
<ds:datastoreItem xmlns:ds="http://schemas.openxmlformats.org/officeDocument/2006/customXml" ds:itemID="{9B268ACD-2CB1-47DA-9D54-C00FEA067548}">
  <ds:schemaRefs/>
</ds:datastoreItem>
</file>

<file path=customXml/itemProps12.xml><?xml version="1.0" encoding="utf-8"?>
<ds:datastoreItem xmlns:ds="http://schemas.openxmlformats.org/officeDocument/2006/customXml" ds:itemID="{13D63147-4A22-49C1-8B23-C880A3E67312}">
  <ds:schemaRefs/>
</ds:datastoreItem>
</file>

<file path=customXml/itemProps2.xml><?xml version="1.0" encoding="utf-8"?>
<ds:datastoreItem xmlns:ds="http://schemas.openxmlformats.org/officeDocument/2006/customXml" ds:itemID="{63112FE1-F1B8-4F8F-970E-EC18B2D4824E}">
  <ds:schemaRefs/>
</ds:datastoreItem>
</file>

<file path=customXml/itemProps3.xml><?xml version="1.0" encoding="utf-8"?>
<ds:datastoreItem xmlns:ds="http://schemas.openxmlformats.org/officeDocument/2006/customXml" ds:itemID="{AA0AB7B8-A835-4534-96CA-77D76D2E17C7}">
  <ds:schemaRefs/>
</ds:datastoreItem>
</file>

<file path=customXml/itemProps4.xml><?xml version="1.0" encoding="utf-8"?>
<ds:datastoreItem xmlns:ds="http://schemas.openxmlformats.org/officeDocument/2006/customXml" ds:itemID="{E4C760D8-8C1F-4033-95EF-740850C8ECF9}">
  <ds:schemaRefs/>
</ds:datastoreItem>
</file>

<file path=customXml/itemProps5.xml><?xml version="1.0" encoding="utf-8"?>
<ds:datastoreItem xmlns:ds="http://schemas.openxmlformats.org/officeDocument/2006/customXml" ds:itemID="{5EB4098B-60AA-4456-ABDB-75EC82C65F33}">
  <ds:schemaRefs/>
</ds:datastoreItem>
</file>

<file path=customXml/itemProps6.xml><?xml version="1.0" encoding="utf-8"?>
<ds:datastoreItem xmlns:ds="http://schemas.openxmlformats.org/officeDocument/2006/customXml" ds:itemID="{4B55D861-6383-4706-BD62-D2C09A98E051}">
  <ds:schemaRefs/>
</ds:datastoreItem>
</file>

<file path=customXml/itemProps7.xml><?xml version="1.0" encoding="utf-8"?>
<ds:datastoreItem xmlns:ds="http://schemas.openxmlformats.org/officeDocument/2006/customXml" ds:itemID="{CA53E8DB-D3E2-4E30-8EF6-521F0E029DD6}">
  <ds:schemaRefs/>
</ds:datastoreItem>
</file>

<file path=customXml/itemProps8.xml><?xml version="1.0" encoding="utf-8"?>
<ds:datastoreItem xmlns:ds="http://schemas.openxmlformats.org/officeDocument/2006/customXml" ds:itemID="{84FE86AB-8244-4B35-9D15-16CE0F10F160}">
  <ds:schemaRefs/>
</ds:datastoreItem>
</file>

<file path=customXml/itemProps9.xml><?xml version="1.0" encoding="utf-8"?>
<ds:datastoreItem xmlns:ds="http://schemas.openxmlformats.org/officeDocument/2006/customXml" ds:itemID="{088AE0B5-3415-4805-9CFC-0C441ED33D1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225</Words>
  <Application>Microsoft Office PowerPoint</Application>
  <PresentationFormat>Widescreen</PresentationFormat>
  <Paragraphs>36</Paragraphs>
  <Slides>7</Slides>
  <Notes>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7</vt:i4>
      </vt:variant>
    </vt:vector>
  </HeadingPairs>
  <TitlesOfParts>
    <vt:vector size="13" baseType="lpstr">
      <vt:lpstr>Arial</vt:lpstr>
      <vt:lpstr>Assistant</vt:lpstr>
      <vt:lpstr>Montserrat SemiBold</vt:lpstr>
      <vt:lpstr>Montserrat ExtraBold</vt:lpstr>
      <vt:lpstr>CIDFont+F1</vt:lpstr>
      <vt:lpstr>Furesø Kommune</vt:lpstr>
      <vt:lpstr>Møde i Handicaprådet</vt:lpstr>
      <vt:lpstr>Trafik- og Mobilitets-plan</vt:lpstr>
      <vt:lpstr>PowerPoint-præsentation</vt:lpstr>
      <vt:lpstr>PowerPoint-præsentation</vt:lpstr>
      <vt:lpstr>PowerPoint-præsentation</vt:lpstr>
      <vt:lpstr>Hvordan og hvornår vil handicaprådet involveres ?</vt:lpstr>
      <vt:lpstr>Tidspla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1-28T06:42:18Z</dcterms:created>
  <dcterms:modified xsi:type="dcterms:W3CDTF">2023-03-31T07:46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omnidocs.com</vt:lpwstr>
  </property>
  <property fmtid="{D5CDD505-2E9C-101B-9397-08002B2CF9AE}" pid="3" name="TemplafyTenantId">
    <vt:lpwstr>furesoe</vt:lpwstr>
  </property>
  <property fmtid="{D5CDD505-2E9C-101B-9397-08002B2CF9AE}" pid="4" name="TemplafyTemplateId">
    <vt:lpwstr>637795713362575714</vt:lpwstr>
  </property>
  <property fmtid="{D5CDD505-2E9C-101B-9397-08002B2CF9AE}" pid="5" name="TemplafyUserProfileId">
    <vt:lpwstr>637867263219691725</vt:lpwstr>
  </property>
  <property fmtid="{D5CDD505-2E9C-101B-9397-08002B2CF9AE}" pid="6" name="TemplafyLanguageCode">
    <vt:lpwstr>da-DK</vt:lpwstr>
  </property>
</Properties>
</file>